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2"/>
  </p:notesMasterIdLst>
  <p:handoutMasterIdLst>
    <p:handoutMasterId r:id="rId13"/>
  </p:handoutMasterIdLst>
  <p:sldIdLst>
    <p:sldId id="256" r:id="rId8"/>
    <p:sldId id="260" r:id="rId9"/>
    <p:sldId id="261" r:id="rId10"/>
    <p:sldId id="262" r:id="rId11"/>
  </p:sldIdLst>
  <p:sldSz cx="12190413" cy="6858000"/>
  <p:notesSz cx="6858000" cy="9144000"/>
  <p:custDataLst>
    <p:tags r:id="rId1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>
          <p15:clr>
            <a:srgbClr val="A4A3A4"/>
          </p15:clr>
        </p15:guide>
        <p15:guide id="2" pos="3839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E7AF08"/>
    <a:srgbClr val="FFFFFF"/>
    <a:srgbClr val="000000"/>
    <a:srgbClr val="FFCC00"/>
    <a:srgbClr val="FF6600"/>
    <a:srgbClr val="FF0000"/>
    <a:srgbClr val="99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7164" autoAdjust="0"/>
    <p:restoredTop sz="82504" autoAdjust="0"/>
  </p:normalViewPr>
  <p:slideViewPr>
    <p:cSldViewPr showGuides="1">
      <p:cViewPr>
        <p:scale>
          <a:sx n="100" d="100"/>
          <a:sy n="100" d="100"/>
        </p:scale>
        <p:origin x="152" y="136"/>
      </p:cViewPr>
      <p:guideLst>
        <p:guide orient="horz" pos="2160"/>
        <p:guide pos="3839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90" d="100"/>
          <a:sy n="90" d="100"/>
        </p:scale>
        <p:origin x="2920" y="19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handoutMaster" Target="handoutMasters/handout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notesMaster" Target="notesMasters/notes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 xmlns="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 xmlns="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 xmlns="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 xmlns="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 xmlns="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xmlns="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20s.</a:t>
            </a:r>
          </a:p>
          <a:p>
            <a:endParaRPr lang="en-US" dirty="0"/>
          </a:p>
          <a:p>
            <a:r>
              <a:rPr lang="en-US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The central idea of this project is to analyze household energy dynamics.</a:t>
            </a:r>
          </a:p>
          <a:p>
            <a:r>
              <a:rPr lang="en-US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From our opinion, analyze the related data could help understanding and projecting future trends and provides insights into the economic benefits of investing in solar energy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285300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30s.</a:t>
            </a:r>
          </a:p>
          <a:p>
            <a:endParaRPr lang="en-US" dirty="0"/>
          </a:p>
          <a:p>
            <a:r>
              <a:rPr lang="en-US" dirty="0"/>
              <a:t>The dataset is from </a:t>
            </a:r>
            <a:r>
              <a:rPr lang="en-US" dirty="0" err="1"/>
              <a:t>EasyGreen</a:t>
            </a:r>
            <a:r>
              <a:rPr lang="en-US" dirty="0"/>
              <a:t> company.</a:t>
            </a:r>
          </a:p>
          <a:p>
            <a:r>
              <a:rPr lang="en-US" dirty="0"/>
              <a:t>The number of rows is around 396k from the period of 2022 to 2024.</a:t>
            </a:r>
          </a:p>
          <a:p>
            <a:r>
              <a:rPr lang="en-US" dirty="0"/>
              <a:t>It contains the solar consumptions and productions and the usage from grid.</a:t>
            </a:r>
          </a:p>
          <a:p>
            <a:r>
              <a:rPr lang="en-US" dirty="0"/>
              <a:t>So, </a:t>
            </a:r>
            <a:r>
              <a:rPr lang="en-US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For such a topic, the annotated chart and partitioned poster genres might be particularly suitable for showing dynamic comparisons between solar power generation and household consumption in different analytical perspectives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699340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15s.</a:t>
            </a:r>
          </a:p>
          <a:p>
            <a:r>
              <a:rPr lang="en-US" dirty="0"/>
              <a:t>So, for some </a:t>
            </a:r>
            <a:r>
              <a:rPr lang="en-US" b="0" i="0" u="none" strike="noStrike" dirty="0">
                <a:solidFill>
                  <a:srgbClr val="1F2328"/>
                </a:solidFill>
                <a:effectLst/>
                <a:highlight>
                  <a:srgbClr val="FFFFFF"/>
                </a:highlight>
                <a:latin typeface="-apple-system"/>
              </a:rPr>
              <a:t>preliminary analysis, we could provides such plots like a map about solar panel distribution or a flow chart about users increasement.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525513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12190413" cy="68580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Klik for at redigere i masteren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Klik for at redigere undertiteltypografien i masteren</a:t>
            </a:r>
            <a:endParaRPr lang="da-DK" noProof="0" dirty="0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4D30FE23-B905-4BA2-9AE9-E474FAD609B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auto">
          <a:xfrm>
            <a:off x="252001" y="252921"/>
            <a:ext cx="417600" cy="604800"/>
          </a:xfrm>
          <a:custGeom>
            <a:avLst/>
            <a:gdLst>
              <a:gd name="connsiteX0" fmla="*/ 89322 w 419713"/>
              <a:gd name="connsiteY0" fmla="*/ 518195 h 611493"/>
              <a:gd name="connsiteX1" fmla="*/ 330391 w 419713"/>
              <a:gd name="connsiteY1" fmla="*/ 518195 h 611493"/>
              <a:gd name="connsiteX2" fmla="*/ 419713 w 419713"/>
              <a:gd name="connsiteY2" fmla="*/ 565154 h 611493"/>
              <a:gd name="connsiteX3" fmla="*/ 359874 w 419713"/>
              <a:gd name="connsiteY3" fmla="*/ 596537 h 611493"/>
              <a:gd name="connsiteX4" fmla="*/ 331358 w 419713"/>
              <a:gd name="connsiteY4" fmla="*/ 611493 h 611493"/>
              <a:gd name="connsiteX5" fmla="*/ 329056 w 419713"/>
              <a:gd name="connsiteY5" fmla="*/ 611493 h 611493"/>
              <a:gd name="connsiteX6" fmla="*/ 291569 w 419713"/>
              <a:gd name="connsiteY6" fmla="*/ 597254 h 611493"/>
              <a:gd name="connsiteX7" fmla="*/ 128144 w 419713"/>
              <a:gd name="connsiteY7" fmla="*/ 597254 h 611493"/>
              <a:gd name="connsiteX8" fmla="*/ 90657 w 419713"/>
              <a:gd name="connsiteY8" fmla="*/ 611493 h 611493"/>
              <a:gd name="connsiteX9" fmla="*/ 88355 w 419713"/>
              <a:gd name="connsiteY9" fmla="*/ 611493 h 611493"/>
              <a:gd name="connsiteX10" fmla="*/ 87926 w 419713"/>
              <a:gd name="connsiteY10" fmla="*/ 611268 h 611493"/>
              <a:gd name="connsiteX11" fmla="*/ 0 w 419713"/>
              <a:gd name="connsiteY11" fmla="*/ 565154 h 611493"/>
              <a:gd name="connsiteX12" fmla="*/ 89322 w 419713"/>
              <a:gd name="connsiteY12" fmla="*/ 518195 h 611493"/>
              <a:gd name="connsiteX13" fmla="*/ 89322 w 419713"/>
              <a:gd name="connsiteY13" fmla="*/ 402427 h 611493"/>
              <a:gd name="connsiteX14" fmla="*/ 330391 w 419713"/>
              <a:gd name="connsiteY14" fmla="*/ 402427 h 611493"/>
              <a:gd name="connsiteX15" fmla="*/ 419713 w 419713"/>
              <a:gd name="connsiteY15" fmla="*/ 449385 h 611493"/>
              <a:gd name="connsiteX16" fmla="*/ 330391 w 419713"/>
              <a:gd name="connsiteY16" fmla="*/ 496232 h 611493"/>
              <a:gd name="connsiteX17" fmla="*/ 89322 w 419713"/>
              <a:gd name="connsiteY17" fmla="*/ 496232 h 611493"/>
              <a:gd name="connsiteX18" fmla="*/ 0 w 419713"/>
              <a:gd name="connsiteY18" fmla="*/ 449385 h 611493"/>
              <a:gd name="connsiteX19" fmla="*/ 89322 w 419713"/>
              <a:gd name="connsiteY19" fmla="*/ 402427 h 611493"/>
              <a:gd name="connsiteX20" fmla="*/ 89322 w 419713"/>
              <a:gd name="connsiteY20" fmla="*/ 286516 h 611493"/>
              <a:gd name="connsiteX21" fmla="*/ 330391 w 419713"/>
              <a:gd name="connsiteY21" fmla="*/ 286516 h 611493"/>
              <a:gd name="connsiteX22" fmla="*/ 419713 w 419713"/>
              <a:gd name="connsiteY22" fmla="*/ 333475 h 611493"/>
              <a:gd name="connsiteX23" fmla="*/ 330391 w 419713"/>
              <a:gd name="connsiteY23" fmla="*/ 380321 h 611493"/>
              <a:gd name="connsiteX24" fmla="*/ 89322 w 419713"/>
              <a:gd name="connsiteY24" fmla="*/ 380321 h 611493"/>
              <a:gd name="connsiteX25" fmla="*/ 0 w 419713"/>
              <a:gd name="connsiteY25" fmla="*/ 333475 h 611493"/>
              <a:gd name="connsiteX26" fmla="*/ 89322 w 419713"/>
              <a:gd name="connsiteY26" fmla="*/ 286516 h 611493"/>
              <a:gd name="connsiteX27" fmla="*/ 57698 w 419713"/>
              <a:gd name="connsiteY27" fmla="*/ 25994 h 611493"/>
              <a:gd name="connsiteX28" fmla="*/ 57698 w 419713"/>
              <a:gd name="connsiteY28" fmla="*/ 196190 h 611493"/>
              <a:gd name="connsiteX29" fmla="*/ 77314 w 419713"/>
              <a:gd name="connsiteY29" fmla="*/ 196190 h 611493"/>
              <a:gd name="connsiteX30" fmla="*/ 95249 w 419713"/>
              <a:gd name="connsiteY30" fmla="*/ 190028 h 611493"/>
              <a:gd name="connsiteX31" fmla="*/ 101974 w 419713"/>
              <a:gd name="connsiteY31" fmla="*/ 137367 h 611493"/>
              <a:gd name="connsiteX32" fmla="*/ 101974 w 419713"/>
              <a:gd name="connsiteY32" fmla="*/ 84706 h 611493"/>
              <a:gd name="connsiteX33" fmla="*/ 95249 w 419713"/>
              <a:gd name="connsiteY33" fmla="*/ 32157 h 611493"/>
              <a:gd name="connsiteX34" fmla="*/ 77314 w 419713"/>
              <a:gd name="connsiteY34" fmla="*/ 25994 h 611493"/>
              <a:gd name="connsiteX35" fmla="*/ 57698 w 419713"/>
              <a:gd name="connsiteY35" fmla="*/ 25994 h 611493"/>
              <a:gd name="connsiteX36" fmla="*/ 285864 w 419713"/>
              <a:gd name="connsiteY36" fmla="*/ 0 h 611493"/>
              <a:gd name="connsiteX37" fmla="*/ 311843 w 419713"/>
              <a:gd name="connsiteY37" fmla="*/ 0 h 611493"/>
              <a:gd name="connsiteX38" fmla="*/ 315314 w 419713"/>
              <a:gd name="connsiteY38" fmla="*/ 1233 h 611493"/>
              <a:gd name="connsiteX39" fmla="*/ 316546 w 419713"/>
              <a:gd name="connsiteY39" fmla="*/ 4595 h 611493"/>
              <a:gd name="connsiteX40" fmla="*/ 316546 w 419713"/>
              <a:gd name="connsiteY40" fmla="*/ 161816 h 611493"/>
              <a:gd name="connsiteX41" fmla="*/ 323152 w 419713"/>
              <a:gd name="connsiteY41" fmla="*/ 193866 h 611493"/>
              <a:gd name="connsiteX42" fmla="*/ 338269 w 419713"/>
              <a:gd name="connsiteY42" fmla="*/ 199805 h 611493"/>
              <a:gd name="connsiteX43" fmla="*/ 354170 w 419713"/>
              <a:gd name="connsiteY43" fmla="*/ 193866 h 611493"/>
              <a:gd name="connsiteX44" fmla="*/ 360777 w 419713"/>
              <a:gd name="connsiteY44" fmla="*/ 161816 h 611493"/>
              <a:gd name="connsiteX45" fmla="*/ 360777 w 419713"/>
              <a:gd name="connsiteY45" fmla="*/ 4595 h 611493"/>
              <a:gd name="connsiteX46" fmla="*/ 362008 w 419713"/>
              <a:gd name="connsiteY46" fmla="*/ 1233 h 611493"/>
              <a:gd name="connsiteX47" fmla="*/ 365368 w 419713"/>
              <a:gd name="connsiteY47" fmla="*/ 0 h 611493"/>
              <a:gd name="connsiteX48" fmla="*/ 391458 w 419713"/>
              <a:gd name="connsiteY48" fmla="*/ 0 h 611493"/>
              <a:gd name="connsiteX49" fmla="*/ 394818 w 419713"/>
              <a:gd name="connsiteY49" fmla="*/ 1233 h 611493"/>
              <a:gd name="connsiteX50" fmla="*/ 396049 w 419713"/>
              <a:gd name="connsiteY50" fmla="*/ 4595 h 611493"/>
              <a:gd name="connsiteX51" fmla="*/ 396049 w 419713"/>
              <a:gd name="connsiteY51" fmla="*/ 161928 h 611493"/>
              <a:gd name="connsiteX52" fmla="*/ 383396 w 419713"/>
              <a:gd name="connsiteY52" fmla="*/ 209106 h 611493"/>
              <a:gd name="connsiteX53" fmla="*/ 338717 w 419713"/>
              <a:gd name="connsiteY53" fmla="*/ 225019 h 611493"/>
              <a:gd name="connsiteX54" fmla="*/ 293367 w 419713"/>
              <a:gd name="connsiteY54" fmla="*/ 209106 h 611493"/>
              <a:gd name="connsiteX55" fmla="*/ 281273 w 419713"/>
              <a:gd name="connsiteY55" fmla="*/ 161928 h 611493"/>
              <a:gd name="connsiteX56" fmla="*/ 281273 w 419713"/>
              <a:gd name="connsiteY56" fmla="*/ 4595 h 611493"/>
              <a:gd name="connsiteX57" fmla="*/ 282393 w 419713"/>
              <a:gd name="connsiteY57" fmla="*/ 1233 h 611493"/>
              <a:gd name="connsiteX58" fmla="*/ 285864 w 419713"/>
              <a:gd name="connsiteY58" fmla="*/ 0 h 611493"/>
              <a:gd name="connsiteX59" fmla="*/ 156755 w 419713"/>
              <a:gd name="connsiteY59" fmla="*/ 0 h 611493"/>
              <a:gd name="connsiteX60" fmla="*/ 261541 w 419713"/>
              <a:gd name="connsiteY60" fmla="*/ 0 h 611493"/>
              <a:gd name="connsiteX61" fmla="*/ 265019 w 419713"/>
              <a:gd name="connsiteY61" fmla="*/ 1233 h 611493"/>
              <a:gd name="connsiteX62" fmla="*/ 266253 w 419713"/>
              <a:gd name="connsiteY62" fmla="*/ 4594 h 611493"/>
              <a:gd name="connsiteX63" fmla="*/ 266253 w 419713"/>
              <a:gd name="connsiteY63" fmla="*/ 23417 h 611493"/>
              <a:gd name="connsiteX64" fmla="*/ 265019 w 419713"/>
              <a:gd name="connsiteY64" fmla="*/ 26779 h 611493"/>
              <a:gd name="connsiteX65" fmla="*/ 261541 w 419713"/>
              <a:gd name="connsiteY65" fmla="*/ 28011 h 611493"/>
              <a:gd name="connsiteX66" fmla="*/ 227996 w 419713"/>
              <a:gd name="connsiteY66" fmla="*/ 28011 h 611493"/>
              <a:gd name="connsiteX67" fmla="*/ 227996 w 419713"/>
              <a:gd name="connsiteY67" fmla="*/ 217591 h 611493"/>
              <a:gd name="connsiteX68" fmla="*/ 226762 w 419713"/>
              <a:gd name="connsiteY68" fmla="*/ 220952 h 611493"/>
              <a:gd name="connsiteX69" fmla="*/ 223396 w 419713"/>
              <a:gd name="connsiteY69" fmla="*/ 222185 h 611493"/>
              <a:gd name="connsiteX70" fmla="*/ 194900 w 419713"/>
              <a:gd name="connsiteY70" fmla="*/ 222185 h 611493"/>
              <a:gd name="connsiteX71" fmla="*/ 191422 w 419713"/>
              <a:gd name="connsiteY71" fmla="*/ 220952 h 611493"/>
              <a:gd name="connsiteX72" fmla="*/ 190188 w 419713"/>
              <a:gd name="connsiteY72" fmla="*/ 217591 h 611493"/>
              <a:gd name="connsiteX73" fmla="*/ 190188 w 419713"/>
              <a:gd name="connsiteY73" fmla="*/ 28011 h 611493"/>
              <a:gd name="connsiteX74" fmla="*/ 156755 w 419713"/>
              <a:gd name="connsiteY74" fmla="*/ 28011 h 611493"/>
              <a:gd name="connsiteX75" fmla="*/ 153277 w 419713"/>
              <a:gd name="connsiteY75" fmla="*/ 26779 h 611493"/>
              <a:gd name="connsiteX76" fmla="*/ 152043 w 419713"/>
              <a:gd name="connsiteY76" fmla="*/ 23417 h 611493"/>
              <a:gd name="connsiteX77" fmla="*/ 152043 w 419713"/>
              <a:gd name="connsiteY77" fmla="*/ 4594 h 611493"/>
              <a:gd name="connsiteX78" fmla="*/ 153277 w 419713"/>
              <a:gd name="connsiteY78" fmla="*/ 1233 h 611493"/>
              <a:gd name="connsiteX79" fmla="*/ 156755 w 419713"/>
              <a:gd name="connsiteY79" fmla="*/ 0 h 611493"/>
              <a:gd name="connsiteX80" fmla="*/ 26984 w 419713"/>
              <a:gd name="connsiteY80" fmla="*/ 0 h 611493"/>
              <a:gd name="connsiteX81" fmla="*/ 82694 w 419713"/>
              <a:gd name="connsiteY81" fmla="*/ 0 h 611493"/>
              <a:gd name="connsiteX82" fmla="*/ 125626 w 419713"/>
              <a:gd name="connsiteY82" fmla="*/ 15238 h 611493"/>
              <a:gd name="connsiteX83" fmla="*/ 137732 w 419713"/>
              <a:gd name="connsiteY83" fmla="*/ 87171 h 611493"/>
              <a:gd name="connsiteX84" fmla="*/ 137732 w 419713"/>
              <a:gd name="connsiteY84" fmla="*/ 135014 h 611493"/>
              <a:gd name="connsiteX85" fmla="*/ 125626 w 419713"/>
              <a:gd name="connsiteY85" fmla="*/ 206947 h 611493"/>
              <a:gd name="connsiteX86" fmla="*/ 82694 w 419713"/>
              <a:gd name="connsiteY86" fmla="*/ 222185 h 611493"/>
              <a:gd name="connsiteX87" fmla="*/ 26984 w 419713"/>
              <a:gd name="connsiteY87" fmla="*/ 222185 h 611493"/>
              <a:gd name="connsiteX88" fmla="*/ 23622 w 419713"/>
              <a:gd name="connsiteY88" fmla="*/ 220952 h 611493"/>
              <a:gd name="connsiteX89" fmla="*/ 22388 w 419713"/>
              <a:gd name="connsiteY89" fmla="*/ 217591 h 611493"/>
              <a:gd name="connsiteX90" fmla="*/ 22388 w 419713"/>
              <a:gd name="connsiteY90" fmla="*/ 4594 h 611493"/>
              <a:gd name="connsiteX91" fmla="*/ 23622 w 419713"/>
              <a:gd name="connsiteY91" fmla="*/ 1233 h 611493"/>
              <a:gd name="connsiteX92" fmla="*/ 26984 w 419713"/>
              <a:gd name="connsiteY92" fmla="*/ 0 h 6114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</a:cxnLst>
            <a:rect l="l" t="t" r="r" b="b"/>
            <a:pathLst>
              <a:path w="419713" h="611493">
                <a:moveTo>
                  <a:pt x="89322" y="518195"/>
                </a:moveTo>
                <a:cubicBezTo>
                  <a:pt x="204981" y="563248"/>
                  <a:pt x="214732" y="563248"/>
                  <a:pt x="330391" y="518195"/>
                </a:cubicBezTo>
                <a:cubicBezTo>
                  <a:pt x="330391" y="518195"/>
                  <a:pt x="330391" y="518195"/>
                  <a:pt x="419713" y="565154"/>
                </a:cubicBezTo>
                <a:cubicBezTo>
                  <a:pt x="419713" y="565154"/>
                  <a:pt x="419713" y="565154"/>
                  <a:pt x="359874" y="596537"/>
                </a:cubicBezTo>
                <a:lnTo>
                  <a:pt x="331358" y="611493"/>
                </a:lnTo>
                <a:lnTo>
                  <a:pt x="329056" y="611493"/>
                </a:lnTo>
                <a:lnTo>
                  <a:pt x="291569" y="597254"/>
                </a:lnTo>
                <a:cubicBezTo>
                  <a:pt x="222201" y="571974"/>
                  <a:pt x="197512" y="571974"/>
                  <a:pt x="128144" y="597254"/>
                </a:cubicBezTo>
                <a:lnTo>
                  <a:pt x="90657" y="611493"/>
                </a:lnTo>
                <a:lnTo>
                  <a:pt x="88355" y="611493"/>
                </a:lnTo>
                <a:lnTo>
                  <a:pt x="87926" y="611268"/>
                </a:lnTo>
                <a:cubicBezTo>
                  <a:pt x="83739" y="609072"/>
                  <a:pt x="66992" y="600288"/>
                  <a:pt x="0" y="565154"/>
                </a:cubicBezTo>
                <a:cubicBezTo>
                  <a:pt x="0" y="565154"/>
                  <a:pt x="0" y="565154"/>
                  <a:pt x="89322" y="518195"/>
                </a:cubicBezTo>
                <a:close/>
                <a:moveTo>
                  <a:pt x="89322" y="402427"/>
                </a:moveTo>
                <a:cubicBezTo>
                  <a:pt x="204981" y="447480"/>
                  <a:pt x="214732" y="447480"/>
                  <a:pt x="330391" y="402427"/>
                </a:cubicBezTo>
                <a:cubicBezTo>
                  <a:pt x="330391" y="402427"/>
                  <a:pt x="330391" y="402427"/>
                  <a:pt x="419713" y="449385"/>
                </a:cubicBezTo>
                <a:cubicBezTo>
                  <a:pt x="419713" y="449385"/>
                  <a:pt x="419713" y="449385"/>
                  <a:pt x="330391" y="496232"/>
                </a:cubicBezTo>
                <a:cubicBezTo>
                  <a:pt x="214732" y="451290"/>
                  <a:pt x="204981" y="451290"/>
                  <a:pt x="89322" y="496232"/>
                </a:cubicBezTo>
                <a:cubicBezTo>
                  <a:pt x="89322" y="496232"/>
                  <a:pt x="89322" y="496232"/>
                  <a:pt x="0" y="449385"/>
                </a:cubicBezTo>
                <a:cubicBezTo>
                  <a:pt x="0" y="449385"/>
                  <a:pt x="0" y="449385"/>
                  <a:pt x="89322" y="402427"/>
                </a:cubicBezTo>
                <a:close/>
                <a:moveTo>
                  <a:pt x="89322" y="286516"/>
                </a:moveTo>
                <a:cubicBezTo>
                  <a:pt x="204981" y="331570"/>
                  <a:pt x="214732" y="331570"/>
                  <a:pt x="330391" y="286516"/>
                </a:cubicBezTo>
                <a:cubicBezTo>
                  <a:pt x="330391" y="286516"/>
                  <a:pt x="330391" y="286516"/>
                  <a:pt x="419713" y="333475"/>
                </a:cubicBezTo>
                <a:cubicBezTo>
                  <a:pt x="419713" y="333475"/>
                  <a:pt x="419713" y="333475"/>
                  <a:pt x="330391" y="380321"/>
                </a:cubicBezTo>
                <a:cubicBezTo>
                  <a:pt x="214732" y="335380"/>
                  <a:pt x="204981" y="335380"/>
                  <a:pt x="89322" y="380321"/>
                </a:cubicBezTo>
                <a:cubicBezTo>
                  <a:pt x="89322" y="380321"/>
                  <a:pt x="89322" y="380321"/>
                  <a:pt x="0" y="333475"/>
                </a:cubicBezTo>
                <a:cubicBezTo>
                  <a:pt x="0" y="333475"/>
                  <a:pt x="0" y="333475"/>
                  <a:pt x="89322" y="286516"/>
                </a:cubicBezTo>
                <a:close/>
                <a:moveTo>
                  <a:pt x="57698" y="25994"/>
                </a:moveTo>
                <a:lnTo>
                  <a:pt x="57698" y="196190"/>
                </a:lnTo>
                <a:cubicBezTo>
                  <a:pt x="57698" y="196190"/>
                  <a:pt x="57698" y="196190"/>
                  <a:pt x="77314" y="196190"/>
                </a:cubicBezTo>
                <a:cubicBezTo>
                  <a:pt x="86057" y="196190"/>
                  <a:pt x="91213" y="194846"/>
                  <a:pt x="95249" y="190028"/>
                </a:cubicBezTo>
                <a:cubicBezTo>
                  <a:pt x="101414" y="182633"/>
                  <a:pt x="101974" y="167619"/>
                  <a:pt x="101974" y="137367"/>
                </a:cubicBezTo>
                <a:cubicBezTo>
                  <a:pt x="101974" y="137367"/>
                  <a:pt x="101974" y="137367"/>
                  <a:pt x="101974" y="84706"/>
                </a:cubicBezTo>
                <a:cubicBezTo>
                  <a:pt x="101974" y="54566"/>
                  <a:pt x="101414" y="39552"/>
                  <a:pt x="95249" y="32157"/>
                </a:cubicBezTo>
                <a:cubicBezTo>
                  <a:pt x="91213" y="27339"/>
                  <a:pt x="86057" y="25994"/>
                  <a:pt x="77314" y="25994"/>
                </a:cubicBezTo>
                <a:cubicBezTo>
                  <a:pt x="77314" y="25994"/>
                  <a:pt x="77314" y="25994"/>
                  <a:pt x="57698" y="25994"/>
                </a:cubicBezTo>
                <a:close/>
                <a:moveTo>
                  <a:pt x="285864" y="0"/>
                </a:moveTo>
                <a:cubicBezTo>
                  <a:pt x="285864" y="0"/>
                  <a:pt x="285864" y="0"/>
                  <a:pt x="311843" y="0"/>
                </a:cubicBezTo>
                <a:cubicBezTo>
                  <a:pt x="313522" y="0"/>
                  <a:pt x="314530" y="448"/>
                  <a:pt x="315314" y="1233"/>
                </a:cubicBezTo>
                <a:cubicBezTo>
                  <a:pt x="316098" y="1905"/>
                  <a:pt x="316546" y="2914"/>
                  <a:pt x="316546" y="4595"/>
                </a:cubicBezTo>
                <a:cubicBezTo>
                  <a:pt x="316546" y="4595"/>
                  <a:pt x="316546" y="4595"/>
                  <a:pt x="316546" y="161816"/>
                </a:cubicBezTo>
                <a:cubicBezTo>
                  <a:pt x="316546" y="178850"/>
                  <a:pt x="318113" y="188263"/>
                  <a:pt x="323152" y="193866"/>
                </a:cubicBezTo>
                <a:cubicBezTo>
                  <a:pt x="326848" y="198012"/>
                  <a:pt x="331775" y="199805"/>
                  <a:pt x="338269" y="199805"/>
                </a:cubicBezTo>
                <a:cubicBezTo>
                  <a:pt x="345436" y="199805"/>
                  <a:pt x="350587" y="197788"/>
                  <a:pt x="354170" y="193866"/>
                </a:cubicBezTo>
                <a:cubicBezTo>
                  <a:pt x="359545" y="188039"/>
                  <a:pt x="360777" y="178289"/>
                  <a:pt x="360777" y="161816"/>
                </a:cubicBezTo>
                <a:cubicBezTo>
                  <a:pt x="360777" y="161816"/>
                  <a:pt x="360777" y="161816"/>
                  <a:pt x="360777" y="4595"/>
                </a:cubicBezTo>
                <a:cubicBezTo>
                  <a:pt x="360777" y="2914"/>
                  <a:pt x="361225" y="1905"/>
                  <a:pt x="362008" y="1233"/>
                </a:cubicBezTo>
                <a:cubicBezTo>
                  <a:pt x="362680" y="448"/>
                  <a:pt x="363800" y="0"/>
                  <a:pt x="365368" y="0"/>
                </a:cubicBezTo>
                <a:cubicBezTo>
                  <a:pt x="365368" y="0"/>
                  <a:pt x="365368" y="0"/>
                  <a:pt x="391458" y="0"/>
                </a:cubicBezTo>
                <a:cubicBezTo>
                  <a:pt x="393138" y="0"/>
                  <a:pt x="394146" y="448"/>
                  <a:pt x="394818" y="1233"/>
                </a:cubicBezTo>
                <a:cubicBezTo>
                  <a:pt x="395601" y="1905"/>
                  <a:pt x="396049" y="2914"/>
                  <a:pt x="396049" y="4595"/>
                </a:cubicBezTo>
                <a:cubicBezTo>
                  <a:pt x="396049" y="4595"/>
                  <a:pt x="396049" y="4595"/>
                  <a:pt x="396049" y="161928"/>
                </a:cubicBezTo>
                <a:cubicBezTo>
                  <a:pt x="396049" y="183108"/>
                  <a:pt x="393586" y="197228"/>
                  <a:pt x="383396" y="209106"/>
                </a:cubicBezTo>
                <a:cubicBezTo>
                  <a:pt x="374774" y="219192"/>
                  <a:pt x="360665" y="225019"/>
                  <a:pt x="338717" y="225019"/>
                </a:cubicBezTo>
                <a:cubicBezTo>
                  <a:pt x="317106" y="225019"/>
                  <a:pt x="302885" y="219528"/>
                  <a:pt x="293367" y="209106"/>
                </a:cubicBezTo>
                <a:cubicBezTo>
                  <a:pt x="284296" y="199133"/>
                  <a:pt x="281273" y="184789"/>
                  <a:pt x="281273" y="161928"/>
                </a:cubicBezTo>
                <a:cubicBezTo>
                  <a:pt x="281273" y="161928"/>
                  <a:pt x="281273" y="161928"/>
                  <a:pt x="281273" y="4595"/>
                </a:cubicBezTo>
                <a:cubicBezTo>
                  <a:pt x="281273" y="2914"/>
                  <a:pt x="281721" y="1905"/>
                  <a:pt x="282393" y="1233"/>
                </a:cubicBezTo>
                <a:cubicBezTo>
                  <a:pt x="283177" y="448"/>
                  <a:pt x="284184" y="0"/>
                  <a:pt x="285864" y="0"/>
                </a:cubicBezTo>
                <a:close/>
                <a:moveTo>
                  <a:pt x="156755" y="0"/>
                </a:moveTo>
                <a:cubicBezTo>
                  <a:pt x="156755" y="0"/>
                  <a:pt x="156755" y="0"/>
                  <a:pt x="261541" y="0"/>
                </a:cubicBezTo>
                <a:cubicBezTo>
                  <a:pt x="263224" y="0"/>
                  <a:pt x="264233" y="448"/>
                  <a:pt x="265019" y="1233"/>
                </a:cubicBezTo>
                <a:cubicBezTo>
                  <a:pt x="265692" y="1905"/>
                  <a:pt x="266253" y="2913"/>
                  <a:pt x="266253" y="4594"/>
                </a:cubicBezTo>
                <a:cubicBezTo>
                  <a:pt x="266253" y="4594"/>
                  <a:pt x="266253" y="4594"/>
                  <a:pt x="266253" y="23417"/>
                </a:cubicBezTo>
                <a:cubicBezTo>
                  <a:pt x="266253" y="25098"/>
                  <a:pt x="265692" y="26106"/>
                  <a:pt x="265019" y="26779"/>
                </a:cubicBezTo>
                <a:cubicBezTo>
                  <a:pt x="264233" y="27563"/>
                  <a:pt x="263224" y="28011"/>
                  <a:pt x="261541" y="28011"/>
                </a:cubicBezTo>
                <a:cubicBezTo>
                  <a:pt x="261541" y="28011"/>
                  <a:pt x="261541" y="28011"/>
                  <a:pt x="227996" y="28011"/>
                </a:cubicBezTo>
                <a:cubicBezTo>
                  <a:pt x="227996" y="28011"/>
                  <a:pt x="227996" y="28011"/>
                  <a:pt x="227996" y="217591"/>
                </a:cubicBezTo>
                <a:cubicBezTo>
                  <a:pt x="227996" y="219272"/>
                  <a:pt x="227547" y="220280"/>
                  <a:pt x="226762" y="220952"/>
                </a:cubicBezTo>
                <a:cubicBezTo>
                  <a:pt x="226089" y="221737"/>
                  <a:pt x="225079" y="222185"/>
                  <a:pt x="223396" y="222185"/>
                </a:cubicBezTo>
                <a:cubicBezTo>
                  <a:pt x="223396" y="222185"/>
                  <a:pt x="223396" y="222185"/>
                  <a:pt x="194900" y="222185"/>
                </a:cubicBezTo>
                <a:cubicBezTo>
                  <a:pt x="193217" y="222185"/>
                  <a:pt x="192207" y="221737"/>
                  <a:pt x="191422" y="220952"/>
                </a:cubicBezTo>
                <a:cubicBezTo>
                  <a:pt x="190637" y="220280"/>
                  <a:pt x="190188" y="219272"/>
                  <a:pt x="190188" y="217591"/>
                </a:cubicBezTo>
                <a:cubicBezTo>
                  <a:pt x="190188" y="217591"/>
                  <a:pt x="190188" y="217591"/>
                  <a:pt x="190188" y="28011"/>
                </a:cubicBezTo>
                <a:cubicBezTo>
                  <a:pt x="190188" y="28011"/>
                  <a:pt x="190188" y="28011"/>
                  <a:pt x="156755" y="28011"/>
                </a:cubicBezTo>
                <a:cubicBezTo>
                  <a:pt x="155072" y="28011"/>
                  <a:pt x="154063" y="27563"/>
                  <a:pt x="153277" y="26779"/>
                </a:cubicBezTo>
                <a:cubicBezTo>
                  <a:pt x="152492" y="26106"/>
                  <a:pt x="152043" y="25098"/>
                  <a:pt x="152043" y="23417"/>
                </a:cubicBezTo>
                <a:cubicBezTo>
                  <a:pt x="152043" y="23417"/>
                  <a:pt x="152043" y="23417"/>
                  <a:pt x="152043" y="4594"/>
                </a:cubicBezTo>
                <a:cubicBezTo>
                  <a:pt x="152043" y="2913"/>
                  <a:pt x="152492" y="1905"/>
                  <a:pt x="153277" y="1233"/>
                </a:cubicBezTo>
                <a:cubicBezTo>
                  <a:pt x="154063" y="448"/>
                  <a:pt x="155072" y="0"/>
                  <a:pt x="156755" y="0"/>
                </a:cubicBezTo>
                <a:close/>
                <a:moveTo>
                  <a:pt x="26984" y="0"/>
                </a:moveTo>
                <a:cubicBezTo>
                  <a:pt x="26984" y="0"/>
                  <a:pt x="26984" y="0"/>
                  <a:pt x="82694" y="0"/>
                </a:cubicBezTo>
                <a:cubicBezTo>
                  <a:pt x="104328" y="0"/>
                  <a:pt x="117555" y="4930"/>
                  <a:pt x="125626" y="15238"/>
                </a:cubicBezTo>
                <a:cubicBezTo>
                  <a:pt x="137395" y="29356"/>
                  <a:pt x="137732" y="52213"/>
                  <a:pt x="137732" y="87171"/>
                </a:cubicBezTo>
                <a:cubicBezTo>
                  <a:pt x="137732" y="87171"/>
                  <a:pt x="137732" y="87171"/>
                  <a:pt x="137732" y="135014"/>
                </a:cubicBezTo>
                <a:cubicBezTo>
                  <a:pt x="137732" y="169972"/>
                  <a:pt x="137395" y="192829"/>
                  <a:pt x="125626" y="206947"/>
                </a:cubicBezTo>
                <a:cubicBezTo>
                  <a:pt x="117555" y="217255"/>
                  <a:pt x="104328" y="222185"/>
                  <a:pt x="82694" y="222185"/>
                </a:cubicBezTo>
                <a:cubicBezTo>
                  <a:pt x="82694" y="222185"/>
                  <a:pt x="82694" y="222185"/>
                  <a:pt x="26984" y="222185"/>
                </a:cubicBezTo>
                <a:cubicBezTo>
                  <a:pt x="25303" y="222185"/>
                  <a:pt x="24294" y="221737"/>
                  <a:pt x="23622" y="220952"/>
                </a:cubicBezTo>
                <a:cubicBezTo>
                  <a:pt x="22837" y="220280"/>
                  <a:pt x="22388" y="219272"/>
                  <a:pt x="22388" y="217591"/>
                </a:cubicBezTo>
                <a:cubicBezTo>
                  <a:pt x="22388" y="217591"/>
                  <a:pt x="22388" y="217591"/>
                  <a:pt x="22388" y="4594"/>
                </a:cubicBezTo>
                <a:cubicBezTo>
                  <a:pt x="22388" y="2913"/>
                  <a:pt x="22837" y="1905"/>
                  <a:pt x="23622" y="1233"/>
                </a:cubicBezTo>
                <a:cubicBezTo>
                  <a:pt x="24294" y="448"/>
                  <a:pt x="25303" y="0"/>
                  <a:pt x="26984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wrap="square">
            <a:no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/>
              <a:t>Klik for at redigere teksttypografierne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text" descr="{&quot;templafy&quot;:{&quot;id&quot;:&quot;71519fd3-9ab6-44c0-96f6-0257148c0369&quot;}}" title="UserProfile.Offices.Workarea_{{DocumentLanguage}}">
            <a:extLst>
              <a:ext uri="{FF2B5EF4-FFF2-40B4-BE49-F238E27FC236}">
                <a16:creationId xmlns:a16="http://schemas.microsoft.com/office/drawing/2014/main" id="{1F1B8385-28E0-48E9-848E-24B21F1C0329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301429" y="6583680"/>
            <a:ext cx="1481409" cy="2067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0" tIns="0" rIns="0" bIns="0"/>
          <a:lstStyle/>
          <a:p>
            <a:pPr algn="ctr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tx1"/>
                </a:solidFill>
                <a:latin typeface="+mn-lt"/>
              </a:rPr>
              <a:t>Technical </a:t>
            </a:r>
            <a:r>
              <a:rPr lang="da-DK" sz="700" b="1" dirty="0" err="1">
                <a:solidFill>
                  <a:schemeClr val="tx1"/>
                </a:solidFill>
                <a:latin typeface="+mn-lt"/>
              </a:rPr>
              <a:t>University</a:t>
            </a:r>
            <a:r>
              <a:rPr lang="da-DK" sz="700" b="1" dirty="0">
                <a:solidFill>
                  <a:schemeClr val="tx1"/>
                </a:solidFill>
                <a:latin typeface="+mn-lt"/>
              </a:rPr>
              <a:t> of Denmark</a:t>
            </a:r>
          </a:p>
        </p:txBody>
      </p:sp>
      <p:sp>
        <p:nvSpPr>
          <p:cNvPr id="9" name="date" descr="{&quot;templafy&quot;:{&quot;id&quot;:&quot;d4dc393e-cbe8-4ed7-8765-bffd698224c0&quot;}}" title="Form.Date">
            <a:extLst>
              <a:ext uri="{FF2B5EF4-FFF2-40B4-BE49-F238E27FC236}">
                <a16:creationId xmlns:a16="http://schemas.microsoft.com/office/drawing/2014/main" id="{AAEF1042-6204-4B7D-B795-B7D7EC138119}"/>
              </a:ext>
            </a:extLst>
          </p:cNvPr>
          <p:cNvSpPr/>
          <p:nvPr userDrawn="1"/>
        </p:nvSpPr>
        <p:spPr bwMode="auto">
          <a:xfrm>
            <a:off x="251363" y="6583680"/>
            <a:ext cx="875291" cy="206784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14th</a:t>
            </a: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of April</a:t>
            </a:r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20</a:t>
            </a: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24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text" descr="{&quot;templafy&quot;:{&quot;id&quot;:&quot;18fc4f01-f0d7-4a70-b99a-9a8a1cb47191&quot;}}" title="Form.PresentationTitle">
            <a:extLst>
              <a:ext uri="{FF2B5EF4-FFF2-40B4-BE49-F238E27FC236}">
                <a16:creationId xmlns:a16="http://schemas.microsoft.com/office/drawing/2014/main" id="{D4BCF5EC-4495-4638-A7F9-03C7298C0392}"/>
              </a:ext>
            </a:extLst>
          </p:cNvPr>
          <p:cNvSpPr txBox="1"/>
          <p:nvPr userDrawn="1"/>
        </p:nvSpPr>
        <p:spPr>
          <a:xfrm>
            <a:off x="2868340" y="6583680"/>
            <a:ext cx="8218760" cy="20678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noAutofit/>
          </a:bodyPr>
          <a:lstStyle/>
          <a:p>
            <a:endParaRPr lang="da-DK" sz="7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12190413" cy="68580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Klik for at redigere i masteren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Klik for at redigere undertiteltypografien i masteren</a:t>
            </a:r>
            <a:endParaRPr lang="da-DK" noProof="0" dirty="0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4D30FE23-B905-4BA2-9AE9-E474FAD609B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auto">
          <a:xfrm>
            <a:off x="252001" y="252921"/>
            <a:ext cx="417600" cy="604800"/>
          </a:xfrm>
          <a:custGeom>
            <a:avLst/>
            <a:gdLst>
              <a:gd name="connsiteX0" fmla="*/ 89322 w 419713"/>
              <a:gd name="connsiteY0" fmla="*/ 518195 h 611493"/>
              <a:gd name="connsiteX1" fmla="*/ 330391 w 419713"/>
              <a:gd name="connsiteY1" fmla="*/ 518195 h 611493"/>
              <a:gd name="connsiteX2" fmla="*/ 419713 w 419713"/>
              <a:gd name="connsiteY2" fmla="*/ 565154 h 611493"/>
              <a:gd name="connsiteX3" fmla="*/ 359874 w 419713"/>
              <a:gd name="connsiteY3" fmla="*/ 596537 h 611493"/>
              <a:gd name="connsiteX4" fmla="*/ 331358 w 419713"/>
              <a:gd name="connsiteY4" fmla="*/ 611493 h 611493"/>
              <a:gd name="connsiteX5" fmla="*/ 329056 w 419713"/>
              <a:gd name="connsiteY5" fmla="*/ 611493 h 611493"/>
              <a:gd name="connsiteX6" fmla="*/ 291569 w 419713"/>
              <a:gd name="connsiteY6" fmla="*/ 597254 h 611493"/>
              <a:gd name="connsiteX7" fmla="*/ 128144 w 419713"/>
              <a:gd name="connsiteY7" fmla="*/ 597254 h 611493"/>
              <a:gd name="connsiteX8" fmla="*/ 90657 w 419713"/>
              <a:gd name="connsiteY8" fmla="*/ 611493 h 611493"/>
              <a:gd name="connsiteX9" fmla="*/ 88355 w 419713"/>
              <a:gd name="connsiteY9" fmla="*/ 611493 h 611493"/>
              <a:gd name="connsiteX10" fmla="*/ 87926 w 419713"/>
              <a:gd name="connsiteY10" fmla="*/ 611268 h 611493"/>
              <a:gd name="connsiteX11" fmla="*/ 0 w 419713"/>
              <a:gd name="connsiteY11" fmla="*/ 565154 h 611493"/>
              <a:gd name="connsiteX12" fmla="*/ 89322 w 419713"/>
              <a:gd name="connsiteY12" fmla="*/ 518195 h 611493"/>
              <a:gd name="connsiteX13" fmla="*/ 89322 w 419713"/>
              <a:gd name="connsiteY13" fmla="*/ 402427 h 611493"/>
              <a:gd name="connsiteX14" fmla="*/ 330391 w 419713"/>
              <a:gd name="connsiteY14" fmla="*/ 402427 h 611493"/>
              <a:gd name="connsiteX15" fmla="*/ 419713 w 419713"/>
              <a:gd name="connsiteY15" fmla="*/ 449385 h 611493"/>
              <a:gd name="connsiteX16" fmla="*/ 330391 w 419713"/>
              <a:gd name="connsiteY16" fmla="*/ 496232 h 611493"/>
              <a:gd name="connsiteX17" fmla="*/ 89322 w 419713"/>
              <a:gd name="connsiteY17" fmla="*/ 496232 h 611493"/>
              <a:gd name="connsiteX18" fmla="*/ 0 w 419713"/>
              <a:gd name="connsiteY18" fmla="*/ 449385 h 611493"/>
              <a:gd name="connsiteX19" fmla="*/ 89322 w 419713"/>
              <a:gd name="connsiteY19" fmla="*/ 402427 h 611493"/>
              <a:gd name="connsiteX20" fmla="*/ 89322 w 419713"/>
              <a:gd name="connsiteY20" fmla="*/ 286516 h 611493"/>
              <a:gd name="connsiteX21" fmla="*/ 330391 w 419713"/>
              <a:gd name="connsiteY21" fmla="*/ 286516 h 611493"/>
              <a:gd name="connsiteX22" fmla="*/ 419713 w 419713"/>
              <a:gd name="connsiteY22" fmla="*/ 333475 h 611493"/>
              <a:gd name="connsiteX23" fmla="*/ 330391 w 419713"/>
              <a:gd name="connsiteY23" fmla="*/ 380321 h 611493"/>
              <a:gd name="connsiteX24" fmla="*/ 89322 w 419713"/>
              <a:gd name="connsiteY24" fmla="*/ 380321 h 611493"/>
              <a:gd name="connsiteX25" fmla="*/ 0 w 419713"/>
              <a:gd name="connsiteY25" fmla="*/ 333475 h 611493"/>
              <a:gd name="connsiteX26" fmla="*/ 89322 w 419713"/>
              <a:gd name="connsiteY26" fmla="*/ 286516 h 611493"/>
              <a:gd name="connsiteX27" fmla="*/ 57698 w 419713"/>
              <a:gd name="connsiteY27" fmla="*/ 25994 h 611493"/>
              <a:gd name="connsiteX28" fmla="*/ 57698 w 419713"/>
              <a:gd name="connsiteY28" fmla="*/ 196190 h 611493"/>
              <a:gd name="connsiteX29" fmla="*/ 77314 w 419713"/>
              <a:gd name="connsiteY29" fmla="*/ 196190 h 611493"/>
              <a:gd name="connsiteX30" fmla="*/ 95249 w 419713"/>
              <a:gd name="connsiteY30" fmla="*/ 190028 h 611493"/>
              <a:gd name="connsiteX31" fmla="*/ 101974 w 419713"/>
              <a:gd name="connsiteY31" fmla="*/ 137367 h 611493"/>
              <a:gd name="connsiteX32" fmla="*/ 101974 w 419713"/>
              <a:gd name="connsiteY32" fmla="*/ 84706 h 611493"/>
              <a:gd name="connsiteX33" fmla="*/ 95249 w 419713"/>
              <a:gd name="connsiteY33" fmla="*/ 32157 h 611493"/>
              <a:gd name="connsiteX34" fmla="*/ 77314 w 419713"/>
              <a:gd name="connsiteY34" fmla="*/ 25994 h 611493"/>
              <a:gd name="connsiteX35" fmla="*/ 57698 w 419713"/>
              <a:gd name="connsiteY35" fmla="*/ 25994 h 611493"/>
              <a:gd name="connsiteX36" fmla="*/ 285864 w 419713"/>
              <a:gd name="connsiteY36" fmla="*/ 0 h 611493"/>
              <a:gd name="connsiteX37" fmla="*/ 311843 w 419713"/>
              <a:gd name="connsiteY37" fmla="*/ 0 h 611493"/>
              <a:gd name="connsiteX38" fmla="*/ 315314 w 419713"/>
              <a:gd name="connsiteY38" fmla="*/ 1233 h 611493"/>
              <a:gd name="connsiteX39" fmla="*/ 316546 w 419713"/>
              <a:gd name="connsiteY39" fmla="*/ 4595 h 611493"/>
              <a:gd name="connsiteX40" fmla="*/ 316546 w 419713"/>
              <a:gd name="connsiteY40" fmla="*/ 161816 h 611493"/>
              <a:gd name="connsiteX41" fmla="*/ 323152 w 419713"/>
              <a:gd name="connsiteY41" fmla="*/ 193866 h 611493"/>
              <a:gd name="connsiteX42" fmla="*/ 338269 w 419713"/>
              <a:gd name="connsiteY42" fmla="*/ 199805 h 611493"/>
              <a:gd name="connsiteX43" fmla="*/ 354170 w 419713"/>
              <a:gd name="connsiteY43" fmla="*/ 193866 h 611493"/>
              <a:gd name="connsiteX44" fmla="*/ 360777 w 419713"/>
              <a:gd name="connsiteY44" fmla="*/ 161816 h 611493"/>
              <a:gd name="connsiteX45" fmla="*/ 360777 w 419713"/>
              <a:gd name="connsiteY45" fmla="*/ 4595 h 611493"/>
              <a:gd name="connsiteX46" fmla="*/ 362008 w 419713"/>
              <a:gd name="connsiteY46" fmla="*/ 1233 h 611493"/>
              <a:gd name="connsiteX47" fmla="*/ 365368 w 419713"/>
              <a:gd name="connsiteY47" fmla="*/ 0 h 611493"/>
              <a:gd name="connsiteX48" fmla="*/ 391458 w 419713"/>
              <a:gd name="connsiteY48" fmla="*/ 0 h 611493"/>
              <a:gd name="connsiteX49" fmla="*/ 394818 w 419713"/>
              <a:gd name="connsiteY49" fmla="*/ 1233 h 611493"/>
              <a:gd name="connsiteX50" fmla="*/ 396049 w 419713"/>
              <a:gd name="connsiteY50" fmla="*/ 4595 h 611493"/>
              <a:gd name="connsiteX51" fmla="*/ 396049 w 419713"/>
              <a:gd name="connsiteY51" fmla="*/ 161928 h 611493"/>
              <a:gd name="connsiteX52" fmla="*/ 383396 w 419713"/>
              <a:gd name="connsiteY52" fmla="*/ 209106 h 611493"/>
              <a:gd name="connsiteX53" fmla="*/ 338717 w 419713"/>
              <a:gd name="connsiteY53" fmla="*/ 225019 h 611493"/>
              <a:gd name="connsiteX54" fmla="*/ 293367 w 419713"/>
              <a:gd name="connsiteY54" fmla="*/ 209106 h 611493"/>
              <a:gd name="connsiteX55" fmla="*/ 281273 w 419713"/>
              <a:gd name="connsiteY55" fmla="*/ 161928 h 611493"/>
              <a:gd name="connsiteX56" fmla="*/ 281273 w 419713"/>
              <a:gd name="connsiteY56" fmla="*/ 4595 h 611493"/>
              <a:gd name="connsiteX57" fmla="*/ 282393 w 419713"/>
              <a:gd name="connsiteY57" fmla="*/ 1233 h 611493"/>
              <a:gd name="connsiteX58" fmla="*/ 285864 w 419713"/>
              <a:gd name="connsiteY58" fmla="*/ 0 h 611493"/>
              <a:gd name="connsiteX59" fmla="*/ 156755 w 419713"/>
              <a:gd name="connsiteY59" fmla="*/ 0 h 611493"/>
              <a:gd name="connsiteX60" fmla="*/ 261541 w 419713"/>
              <a:gd name="connsiteY60" fmla="*/ 0 h 611493"/>
              <a:gd name="connsiteX61" fmla="*/ 265019 w 419713"/>
              <a:gd name="connsiteY61" fmla="*/ 1233 h 611493"/>
              <a:gd name="connsiteX62" fmla="*/ 266253 w 419713"/>
              <a:gd name="connsiteY62" fmla="*/ 4594 h 611493"/>
              <a:gd name="connsiteX63" fmla="*/ 266253 w 419713"/>
              <a:gd name="connsiteY63" fmla="*/ 23417 h 611493"/>
              <a:gd name="connsiteX64" fmla="*/ 265019 w 419713"/>
              <a:gd name="connsiteY64" fmla="*/ 26779 h 611493"/>
              <a:gd name="connsiteX65" fmla="*/ 261541 w 419713"/>
              <a:gd name="connsiteY65" fmla="*/ 28011 h 611493"/>
              <a:gd name="connsiteX66" fmla="*/ 227996 w 419713"/>
              <a:gd name="connsiteY66" fmla="*/ 28011 h 611493"/>
              <a:gd name="connsiteX67" fmla="*/ 227996 w 419713"/>
              <a:gd name="connsiteY67" fmla="*/ 217591 h 611493"/>
              <a:gd name="connsiteX68" fmla="*/ 226762 w 419713"/>
              <a:gd name="connsiteY68" fmla="*/ 220952 h 611493"/>
              <a:gd name="connsiteX69" fmla="*/ 223396 w 419713"/>
              <a:gd name="connsiteY69" fmla="*/ 222185 h 611493"/>
              <a:gd name="connsiteX70" fmla="*/ 194900 w 419713"/>
              <a:gd name="connsiteY70" fmla="*/ 222185 h 611493"/>
              <a:gd name="connsiteX71" fmla="*/ 191422 w 419713"/>
              <a:gd name="connsiteY71" fmla="*/ 220952 h 611493"/>
              <a:gd name="connsiteX72" fmla="*/ 190188 w 419713"/>
              <a:gd name="connsiteY72" fmla="*/ 217591 h 611493"/>
              <a:gd name="connsiteX73" fmla="*/ 190188 w 419713"/>
              <a:gd name="connsiteY73" fmla="*/ 28011 h 611493"/>
              <a:gd name="connsiteX74" fmla="*/ 156755 w 419713"/>
              <a:gd name="connsiteY74" fmla="*/ 28011 h 611493"/>
              <a:gd name="connsiteX75" fmla="*/ 153277 w 419713"/>
              <a:gd name="connsiteY75" fmla="*/ 26779 h 611493"/>
              <a:gd name="connsiteX76" fmla="*/ 152043 w 419713"/>
              <a:gd name="connsiteY76" fmla="*/ 23417 h 611493"/>
              <a:gd name="connsiteX77" fmla="*/ 152043 w 419713"/>
              <a:gd name="connsiteY77" fmla="*/ 4594 h 611493"/>
              <a:gd name="connsiteX78" fmla="*/ 153277 w 419713"/>
              <a:gd name="connsiteY78" fmla="*/ 1233 h 611493"/>
              <a:gd name="connsiteX79" fmla="*/ 156755 w 419713"/>
              <a:gd name="connsiteY79" fmla="*/ 0 h 611493"/>
              <a:gd name="connsiteX80" fmla="*/ 26984 w 419713"/>
              <a:gd name="connsiteY80" fmla="*/ 0 h 611493"/>
              <a:gd name="connsiteX81" fmla="*/ 82694 w 419713"/>
              <a:gd name="connsiteY81" fmla="*/ 0 h 611493"/>
              <a:gd name="connsiteX82" fmla="*/ 125626 w 419713"/>
              <a:gd name="connsiteY82" fmla="*/ 15238 h 611493"/>
              <a:gd name="connsiteX83" fmla="*/ 137732 w 419713"/>
              <a:gd name="connsiteY83" fmla="*/ 87171 h 611493"/>
              <a:gd name="connsiteX84" fmla="*/ 137732 w 419713"/>
              <a:gd name="connsiteY84" fmla="*/ 135014 h 611493"/>
              <a:gd name="connsiteX85" fmla="*/ 125626 w 419713"/>
              <a:gd name="connsiteY85" fmla="*/ 206947 h 611493"/>
              <a:gd name="connsiteX86" fmla="*/ 82694 w 419713"/>
              <a:gd name="connsiteY86" fmla="*/ 222185 h 611493"/>
              <a:gd name="connsiteX87" fmla="*/ 26984 w 419713"/>
              <a:gd name="connsiteY87" fmla="*/ 222185 h 611493"/>
              <a:gd name="connsiteX88" fmla="*/ 23622 w 419713"/>
              <a:gd name="connsiteY88" fmla="*/ 220952 h 611493"/>
              <a:gd name="connsiteX89" fmla="*/ 22388 w 419713"/>
              <a:gd name="connsiteY89" fmla="*/ 217591 h 611493"/>
              <a:gd name="connsiteX90" fmla="*/ 22388 w 419713"/>
              <a:gd name="connsiteY90" fmla="*/ 4594 h 611493"/>
              <a:gd name="connsiteX91" fmla="*/ 23622 w 419713"/>
              <a:gd name="connsiteY91" fmla="*/ 1233 h 611493"/>
              <a:gd name="connsiteX92" fmla="*/ 26984 w 419713"/>
              <a:gd name="connsiteY92" fmla="*/ 0 h 6114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</a:cxnLst>
            <a:rect l="l" t="t" r="r" b="b"/>
            <a:pathLst>
              <a:path w="419713" h="611493">
                <a:moveTo>
                  <a:pt x="89322" y="518195"/>
                </a:moveTo>
                <a:cubicBezTo>
                  <a:pt x="204981" y="563248"/>
                  <a:pt x="214732" y="563248"/>
                  <a:pt x="330391" y="518195"/>
                </a:cubicBezTo>
                <a:cubicBezTo>
                  <a:pt x="330391" y="518195"/>
                  <a:pt x="330391" y="518195"/>
                  <a:pt x="419713" y="565154"/>
                </a:cubicBezTo>
                <a:cubicBezTo>
                  <a:pt x="419713" y="565154"/>
                  <a:pt x="419713" y="565154"/>
                  <a:pt x="359874" y="596537"/>
                </a:cubicBezTo>
                <a:lnTo>
                  <a:pt x="331358" y="611493"/>
                </a:lnTo>
                <a:lnTo>
                  <a:pt x="329056" y="611493"/>
                </a:lnTo>
                <a:lnTo>
                  <a:pt x="291569" y="597254"/>
                </a:lnTo>
                <a:cubicBezTo>
                  <a:pt x="222201" y="571974"/>
                  <a:pt x="197512" y="571974"/>
                  <a:pt x="128144" y="597254"/>
                </a:cubicBezTo>
                <a:lnTo>
                  <a:pt x="90657" y="611493"/>
                </a:lnTo>
                <a:lnTo>
                  <a:pt x="88355" y="611493"/>
                </a:lnTo>
                <a:lnTo>
                  <a:pt x="87926" y="611268"/>
                </a:lnTo>
                <a:cubicBezTo>
                  <a:pt x="83739" y="609072"/>
                  <a:pt x="66992" y="600288"/>
                  <a:pt x="0" y="565154"/>
                </a:cubicBezTo>
                <a:cubicBezTo>
                  <a:pt x="0" y="565154"/>
                  <a:pt x="0" y="565154"/>
                  <a:pt x="89322" y="518195"/>
                </a:cubicBezTo>
                <a:close/>
                <a:moveTo>
                  <a:pt x="89322" y="402427"/>
                </a:moveTo>
                <a:cubicBezTo>
                  <a:pt x="204981" y="447480"/>
                  <a:pt x="214732" y="447480"/>
                  <a:pt x="330391" y="402427"/>
                </a:cubicBezTo>
                <a:cubicBezTo>
                  <a:pt x="330391" y="402427"/>
                  <a:pt x="330391" y="402427"/>
                  <a:pt x="419713" y="449385"/>
                </a:cubicBezTo>
                <a:cubicBezTo>
                  <a:pt x="419713" y="449385"/>
                  <a:pt x="419713" y="449385"/>
                  <a:pt x="330391" y="496232"/>
                </a:cubicBezTo>
                <a:cubicBezTo>
                  <a:pt x="214732" y="451290"/>
                  <a:pt x="204981" y="451290"/>
                  <a:pt x="89322" y="496232"/>
                </a:cubicBezTo>
                <a:cubicBezTo>
                  <a:pt x="89322" y="496232"/>
                  <a:pt x="89322" y="496232"/>
                  <a:pt x="0" y="449385"/>
                </a:cubicBezTo>
                <a:cubicBezTo>
                  <a:pt x="0" y="449385"/>
                  <a:pt x="0" y="449385"/>
                  <a:pt x="89322" y="402427"/>
                </a:cubicBezTo>
                <a:close/>
                <a:moveTo>
                  <a:pt x="89322" y="286516"/>
                </a:moveTo>
                <a:cubicBezTo>
                  <a:pt x="204981" y="331570"/>
                  <a:pt x="214732" y="331570"/>
                  <a:pt x="330391" y="286516"/>
                </a:cubicBezTo>
                <a:cubicBezTo>
                  <a:pt x="330391" y="286516"/>
                  <a:pt x="330391" y="286516"/>
                  <a:pt x="419713" y="333475"/>
                </a:cubicBezTo>
                <a:cubicBezTo>
                  <a:pt x="419713" y="333475"/>
                  <a:pt x="419713" y="333475"/>
                  <a:pt x="330391" y="380321"/>
                </a:cubicBezTo>
                <a:cubicBezTo>
                  <a:pt x="214732" y="335380"/>
                  <a:pt x="204981" y="335380"/>
                  <a:pt x="89322" y="380321"/>
                </a:cubicBezTo>
                <a:cubicBezTo>
                  <a:pt x="89322" y="380321"/>
                  <a:pt x="89322" y="380321"/>
                  <a:pt x="0" y="333475"/>
                </a:cubicBezTo>
                <a:cubicBezTo>
                  <a:pt x="0" y="333475"/>
                  <a:pt x="0" y="333475"/>
                  <a:pt x="89322" y="286516"/>
                </a:cubicBezTo>
                <a:close/>
                <a:moveTo>
                  <a:pt x="57698" y="25994"/>
                </a:moveTo>
                <a:lnTo>
                  <a:pt x="57698" y="196190"/>
                </a:lnTo>
                <a:cubicBezTo>
                  <a:pt x="57698" y="196190"/>
                  <a:pt x="57698" y="196190"/>
                  <a:pt x="77314" y="196190"/>
                </a:cubicBezTo>
                <a:cubicBezTo>
                  <a:pt x="86057" y="196190"/>
                  <a:pt x="91213" y="194846"/>
                  <a:pt x="95249" y="190028"/>
                </a:cubicBezTo>
                <a:cubicBezTo>
                  <a:pt x="101414" y="182633"/>
                  <a:pt x="101974" y="167619"/>
                  <a:pt x="101974" y="137367"/>
                </a:cubicBezTo>
                <a:cubicBezTo>
                  <a:pt x="101974" y="137367"/>
                  <a:pt x="101974" y="137367"/>
                  <a:pt x="101974" y="84706"/>
                </a:cubicBezTo>
                <a:cubicBezTo>
                  <a:pt x="101974" y="54566"/>
                  <a:pt x="101414" y="39552"/>
                  <a:pt x="95249" y="32157"/>
                </a:cubicBezTo>
                <a:cubicBezTo>
                  <a:pt x="91213" y="27339"/>
                  <a:pt x="86057" y="25994"/>
                  <a:pt x="77314" y="25994"/>
                </a:cubicBezTo>
                <a:cubicBezTo>
                  <a:pt x="77314" y="25994"/>
                  <a:pt x="77314" y="25994"/>
                  <a:pt x="57698" y="25994"/>
                </a:cubicBezTo>
                <a:close/>
                <a:moveTo>
                  <a:pt x="285864" y="0"/>
                </a:moveTo>
                <a:cubicBezTo>
                  <a:pt x="285864" y="0"/>
                  <a:pt x="285864" y="0"/>
                  <a:pt x="311843" y="0"/>
                </a:cubicBezTo>
                <a:cubicBezTo>
                  <a:pt x="313522" y="0"/>
                  <a:pt x="314530" y="448"/>
                  <a:pt x="315314" y="1233"/>
                </a:cubicBezTo>
                <a:cubicBezTo>
                  <a:pt x="316098" y="1905"/>
                  <a:pt x="316546" y="2914"/>
                  <a:pt x="316546" y="4595"/>
                </a:cubicBezTo>
                <a:cubicBezTo>
                  <a:pt x="316546" y="4595"/>
                  <a:pt x="316546" y="4595"/>
                  <a:pt x="316546" y="161816"/>
                </a:cubicBezTo>
                <a:cubicBezTo>
                  <a:pt x="316546" y="178850"/>
                  <a:pt x="318113" y="188263"/>
                  <a:pt x="323152" y="193866"/>
                </a:cubicBezTo>
                <a:cubicBezTo>
                  <a:pt x="326848" y="198012"/>
                  <a:pt x="331775" y="199805"/>
                  <a:pt x="338269" y="199805"/>
                </a:cubicBezTo>
                <a:cubicBezTo>
                  <a:pt x="345436" y="199805"/>
                  <a:pt x="350587" y="197788"/>
                  <a:pt x="354170" y="193866"/>
                </a:cubicBezTo>
                <a:cubicBezTo>
                  <a:pt x="359545" y="188039"/>
                  <a:pt x="360777" y="178289"/>
                  <a:pt x="360777" y="161816"/>
                </a:cubicBezTo>
                <a:cubicBezTo>
                  <a:pt x="360777" y="161816"/>
                  <a:pt x="360777" y="161816"/>
                  <a:pt x="360777" y="4595"/>
                </a:cubicBezTo>
                <a:cubicBezTo>
                  <a:pt x="360777" y="2914"/>
                  <a:pt x="361225" y="1905"/>
                  <a:pt x="362008" y="1233"/>
                </a:cubicBezTo>
                <a:cubicBezTo>
                  <a:pt x="362680" y="448"/>
                  <a:pt x="363800" y="0"/>
                  <a:pt x="365368" y="0"/>
                </a:cubicBezTo>
                <a:cubicBezTo>
                  <a:pt x="365368" y="0"/>
                  <a:pt x="365368" y="0"/>
                  <a:pt x="391458" y="0"/>
                </a:cubicBezTo>
                <a:cubicBezTo>
                  <a:pt x="393138" y="0"/>
                  <a:pt x="394146" y="448"/>
                  <a:pt x="394818" y="1233"/>
                </a:cubicBezTo>
                <a:cubicBezTo>
                  <a:pt x="395601" y="1905"/>
                  <a:pt x="396049" y="2914"/>
                  <a:pt x="396049" y="4595"/>
                </a:cubicBezTo>
                <a:cubicBezTo>
                  <a:pt x="396049" y="4595"/>
                  <a:pt x="396049" y="4595"/>
                  <a:pt x="396049" y="161928"/>
                </a:cubicBezTo>
                <a:cubicBezTo>
                  <a:pt x="396049" y="183108"/>
                  <a:pt x="393586" y="197228"/>
                  <a:pt x="383396" y="209106"/>
                </a:cubicBezTo>
                <a:cubicBezTo>
                  <a:pt x="374774" y="219192"/>
                  <a:pt x="360665" y="225019"/>
                  <a:pt x="338717" y="225019"/>
                </a:cubicBezTo>
                <a:cubicBezTo>
                  <a:pt x="317106" y="225019"/>
                  <a:pt x="302885" y="219528"/>
                  <a:pt x="293367" y="209106"/>
                </a:cubicBezTo>
                <a:cubicBezTo>
                  <a:pt x="284296" y="199133"/>
                  <a:pt x="281273" y="184789"/>
                  <a:pt x="281273" y="161928"/>
                </a:cubicBezTo>
                <a:cubicBezTo>
                  <a:pt x="281273" y="161928"/>
                  <a:pt x="281273" y="161928"/>
                  <a:pt x="281273" y="4595"/>
                </a:cubicBezTo>
                <a:cubicBezTo>
                  <a:pt x="281273" y="2914"/>
                  <a:pt x="281721" y="1905"/>
                  <a:pt x="282393" y="1233"/>
                </a:cubicBezTo>
                <a:cubicBezTo>
                  <a:pt x="283177" y="448"/>
                  <a:pt x="284184" y="0"/>
                  <a:pt x="285864" y="0"/>
                </a:cubicBezTo>
                <a:close/>
                <a:moveTo>
                  <a:pt x="156755" y="0"/>
                </a:moveTo>
                <a:cubicBezTo>
                  <a:pt x="156755" y="0"/>
                  <a:pt x="156755" y="0"/>
                  <a:pt x="261541" y="0"/>
                </a:cubicBezTo>
                <a:cubicBezTo>
                  <a:pt x="263224" y="0"/>
                  <a:pt x="264233" y="448"/>
                  <a:pt x="265019" y="1233"/>
                </a:cubicBezTo>
                <a:cubicBezTo>
                  <a:pt x="265692" y="1905"/>
                  <a:pt x="266253" y="2913"/>
                  <a:pt x="266253" y="4594"/>
                </a:cubicBezTo>
                <a:cubicBezTo>
                  <a:pt x="266253" y="4594"/>
                  <a:pt x="266253" y="4594"/>
                  <a:pt x="266253" y="23417"/>
                </a:cubicBezTo>
                <a:cubicBezTo>
                  <a:pt x="266253" y="25098"/>
                  <a:pt x="265692" y="26106"/>
                  <a:pt x="265019" y="26779"/>
                </a:cubicBezTo>
                <a:cubicBezTo>
                  <a:pt x="264233" y="27563"/>
                  <a:pt x="263224" y="28011"/>
                  <a:pt x="261541" y="28011"/>
                </a:cubicBezTo>
                <a:cubicBezTo>
                  <a:pt x="261541" y="28011"/>
                  <a:pt x="261541" y="28011"/>
                  <a:pt x="227996" y="28011"/>
                </a:cubicBezTo>
                <a:cubicBezTo>
                  <a:pt x="227996" y="28011"/>
                  <a:pt x="227996" y="28011"/>
                  <a:pt x="227996" y="217591"/>
                </a:cubicBezTo>
                <a:cubicBezTo>
                  <a:pt x="227996" y="219272"/>
                  <a:pt x="227547" y="220280"/>
                  <a:pt x="226762" y="220952"/>
                </a:cubicBezTo>
                <a:cubicBezTo>
                  <a:pt x="226089" y="221737"/>
                  <a:pt x="225079" y="222185"/>
                  <a:pt x="223396" y="222185"/>
                </a:cubicBezTo>
                <a:cubicBezTo>
                  <a:pt x="223396" y="222185"/>
                  <a:pt x="223396" y="222185"/>
                  <a:pt x="194900" y="222185"/>
                </a:cubicBezTo>
                <a:cubicBezTo>
                  <a:pt x="193217" y="222185"/>
                  <a:pt x="192207" y="221737"/>
                  <a:pt x="191422" y="220952"/>
                </a:cubicBezTo>
                <a:cubicBezTo>
                  <a:pt x="190637" y="220280"/>
                  <a:pt x="190188" y="219272"/>
                  <a:pt x="190188" y="217591"/>
                </a:cubicBezTo>
                <a:cubicBezTo>
                  <a:pt x="190188" y="217591"/>
                  <a:pt x="190188" y="217591"/>
                  <a:pt x="190188" y="28011"/>
                </a:cubicBezTo>
                <a:cubicBezTo>
                  <a:pt x="190188" y="28011"/>
                  <a:pt x="190188" y="28011"/>
                  <a:pt x="156755" y="28011"/>
                </a:cubicBezTo>
                <a:cubicBezTo>
                  <a:pt x="155072" y="28011"/>
                  <a:pt x="154063" y="27563"/>
                  <a:pt x="153277" y="26779"/>
                </a:cubicBezTo>
                <a:cubicBezTo>
                  <a:pt x="152492" y="26106"/>
                  <a:pt x="152043" y="25098"/>
                  <a:pt x="152043" y="23417"/>
                </a:cubicBezTo>
                <a:cubicBezTo>
                  <a:pt x="152043" y="23417"/>
                  <a:pt x="152043" y="23417"/>
                  <a:pt x="152043" y="4594"/>
                </a:cubicBezTo>
                <a:cubicBezTo>
                  <a:pt x="152043" y="2913"/>
                  <a:pt x="152492" y="1905"/>
                  <a:pt x="153277" y="1233"/>
                </a:cubicBezTo>
                <a:cubicBezTo>
                  <a:pt x="154063" y="448"/>
                  <a:pt x="155072" y="0"/>
                  <a:pt x="156755" y="0"/>
                </a:cubicBezTo>
                <a:close/>
                <a:moveTo>
                  <a:pt x="26984" y="0"/>
                </a:moveTo>
                <a:cubicBezTo>
                  <a:pt x="26984" y="0"/>
                  <a:pt x="26984" y="0"/>
                  <a:pt x="82694" y="0"/>
                </a:cubicBezTo>
                <a:cubicBezTo>
                  <a:pt x="104328" y="0"/>
                  <a:pt x="117555" y="4930"/>
                  <a:pt x="125626" y="15238"/>
                </a:cubicBezTo>
                <a:cubicBezTo>
                  <a:pt x="137395" y="29356"/>
                  <a:pt x="137732" y="52213"/>
                  <a:pt x="137732" y="87171"/>
                </a:cubicBezTo>
                <a:cubicBezTo>
                  <a:pt x="137732" y="87171"/>
                  <a:pt x="137732" y="87171"/>
                  <a:pt x="137732" y="135014"/>
                </a:cubicBezTo>
                <a:cubicBezTo>
                  <a:pt x="137732" y="169972"/>
                  <a:pt x="137395" y="192829"/>
                  <a:pt x="125626" y="206947"/>
                </a:cubicBezTo>
                <a:cubicBezTo>
                  <a:pt x="117555" y="217255"/>
                  <a:pt x="104328" y="222185"/>
                  <a:pt x="82694" y="222185"/>
                </a:cubicBezTo>
                <a:cubicBezTo>
                  <a:pt x="82694" y="222185"/>
                  <a:pt x="82694" y="222185"/>
                  <a:pt x="26984" y="222185"/>
                </a:cubicBezTo>
                <a:cubicBezTo>
                  <a:pt x="25303" y="222185"/>
                  <a:pt x="24294" y="221737"/>
                  <a:pt x="23622" y="220952"/>
                </a:cubicBezTo>
                <a:cubicBezTo>
                  <a:pt x="22837" y="220280"/>
                  <a:pt x="22388" y="219272"/>
                  <a:pt x="22388" y="217591"/>
                </a:cubicBezTo>
                <a:cubicBezTo>
                  <a:pt x="22388" y="217591"/>
                  <a:pt x="22388" y="217591"/>
                  <a:pt x="22388" y="4594"/>
                </a:cubicBezTo>
                <a:cubicBezTo>
                  <a:pt x="22388" y="2913"/>
                  <a:pt x="22837" y="1905"/>
                  <a:pt x="23622" y="1233"/>
                </a:cubicBezTo>
                <a:cubicBezTo>
                  <a:pt x="24294" y="448"/>
                  <a:pt x="25303" y="0"/>
                  <a:pt x="26984" y="0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wrap="square">
            <a:no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/>
              <a:t>Klik for at redigere teksttypografierne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text" descr="{&quot;templafy&quot;:{&quot;id&quot;:&quot;ae03c704-0dfb-4337-acd5-89bc1647c275&quot;}}" title="UserProfile.Offices.Workarea_{{DocumentLanguage}}">
            <a:extLst>
              <a:ext uri="{FF2B5EF4-FFF2-40B4-BE49-F238E27FC236}">
                <a16:creationId xmlns:a16="http://schemas.microsoft.com/office/drawing/2014/main" id="{D8373280-4269-4A26-B4E0-77CC837FAE09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301429" y="6583680"/>
            <a:ext cx="1481409" cy="2067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/>
          <a:p>
            <a:pPr algn="ctr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000000"/>
                </a:solidFill>
                <a:latin typeface="+mn-lt"/>
              </a:rPr>
              <a:t>Technical</a:t>
            </a:r>
            <a:r>
              <a:rPr lang="da-DK" sz="700" b="1" baseline="0" dirty="0">
                <a:solidFill>
                  <a:srgbClr val="000000"/>
                </a:solidFill>
                <a:latin typeface="+mn-lt"/>
              </a:rPr>
              <a:t> </a:t>
            </a:r>
            <a:r>
              <a:rPr lang="da-DK" sz="700" b="1" baseline="0" dirty="0" err="1">
                <a:solidFill>
                  <a:srgbClr val="000000"/>
                </a:solidFill>
                <a:latin typeface="+mn-lt"/>
              </a:rPr>
              <a:t>University</a:t>
            </a:r>
            <a:r>
              <a:rPr lang="da-DK" sz="700" b="1" baseline="0" dirty="0">
                <a:solidFill>
                  <a:srgbClr val="000000"/>
                </a:solidFill>
                <a:latin typeface="+mn-lt"/>
              </a:rPr>
              <a:t> of Denmark</a:t>
            </a:r>
            <a:endParaRPr lang="da-DK" sz="700" b="1" dirty="0">
              <a:solidFill>
                <a:srgbClr val="000000"/>
              </a:solidFill>
              <a:latin typeface="+mn-lt"/>
            </a:endParaRPr>
          </a:p>
        </p:txBody>
      </p:sp>
      <p:sp>
        <p:nvSpPr>
          <p:cNvPr id="9" name="date" descr="{&quot;templafy&quot;:{&quot;id&quot;:&quot;8e7052f0-8d4c-4e67-8d96-c8758c4c90bc&quot;}}" title="Form.Date">
            <a:extLst>
              <a:ext uri="{FF2B5EF4-FFF2-40B4-BE49-F238E27FC236}">
                <a16:creationId xmlns:a16="http://schemas.microsoft.com/office/drawing/2014/main" id="{0F9ABC98-B1AB-4121-9FD8-1070EA4520F7}"/>
              </a:ext>
            </a:extLst>
          </p:cNvPr>
          <p:cNvSpPr/>
          <p:nvPr userDrawn="1"/>
        </p:nvSpPr>
        <p:spPr bwMode="auto">
          <a:xfrm>
            <a:off x="251363" y="6583680"/>
            <a:ext cx="875291" cy="206784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14th</a:t>
            </a: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of April</a:t>
            </a:r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20</a:t>
            </a: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24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text" descr="{&quot;templafy&quot;:{&quot;id&quot;:&quot;5137683a-a17a-4298-8845-1d9cc75aa2ef&quot;}}" title="Form.PresentationTitle">
            <a:extLst>
              <a:ext uri="{FF2B5EF4-FFF2-40B4-BE49-F238E27FC236}">
                <a16:creationId xmlns:a16="http://schemas.microsoft.com/office/drawing/2014/main" id="{5FC52674-9067-4399-93DF-5F4DF935F607}"/>
              </a:ext>
            </a:extLst>
          </p:cNvPr>
          <p:cNvSpPr txBox="1"/>
          <p:nvPr userDrawn="1"/>
        </p:nvSpPr>
        <p:spPr>
          <a:xfrm>
            <a:off x="2868340" y="6583680"/>
            <a:ext cx="8218760" cy="20678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7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Klik for at redigere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Klik for at redigere teksttypografierne i masteren</a:t>
            </a:r>
          </a:p>
          <a:p>
            <a:pPr lvl="1"/>
            <a:r>
              <a:rPr lang="en-US"/>
              <a:t>Andet niveau</a:t>
            </a:r>
          </a:p>
          <a:p>
            <a:pPr lvl="2"/>
            <a:r>
              <a:rPr lang="en-US"/>
              <a:t>Tredje niveau</a:t>
            </a:r>
          </a:p>
          <a:p>
            <a:pPr lvl="3"/>
            <a:r>
              <a:rPr lang="en-US"/>
              <a:t>Fjerde niveau</a:t>
            </a:r>
          </a:p>
          <a:p>
            <a:pPr lvl="4"/>
            <a:r>
              <a:rPr lang="en-US"/>
              <a:t>Femte niveau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Klik for at redigere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Klik for at redigere teksttypografierne i masteren</a:t>
            </a:r>
          </a:p>
          <a:p>
            <a:pPr lvl="1"/>
            <a:r>
              <a:rPr lang="en-US"/>
              <a:t>Andet niveau</a:t>
            </a:r>
          </a:p>
          <a:p>
            <a:pPr lvl="2"/>
            <a:r>
              <a:rPr lang="en-US"/>
              <a:t>Tredje niveau</a:t>
            </a:r>
          </a:p>
          <a:p>
            <a:pPr lvl="3"/>
            <a:r>
              <a:rPr lang="en-US"/>
              <a:t>Fjerde niveau</a:t>
            </a:r>
          </a:p>
          <a:p>
            <a:pPr lvl="4"/>
            <a:r>
              <a:rPr lang="en-US"/>
              <a:t>Femte niveau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Klik for at redigere i masteren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Klik for at redigere teksttypografierne i masteren</a:t>
            </a:r>
          </a:p>
          <a:p>
            <a:pPr lvl="1"/>
            <a:r>
              <a:rPr lang="en-US"/>
              <a:t>Andet niveau</a:t>
            </a:r>
          </a:p>
          <a:p>
            <a:pPr lvl="2"/>
            <a:r>
              <a:rPr lang="en-US"/>
              <a:t>Tredje niveau</a:t>
            </a:r>
          </a:p>
          <a:p>
            <a:pPr lvl="3"/>
            <a:r>
              <a:rPr lang="en-US"/>
              <a:t>Fjerde niveau</a:t>
            </a:r>
          </a:p>
          <a:p>
            <a:pPr lvl="4"/>
            <a:r>
              <a:rPr lang="en-US"/>
              <a:t>Femte niveau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Klik for at redigere i masteren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 xmlns="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pic>
        <p:nvPicPr>
          <p:cNvPr id="8" name="Logo white">
            <a:extLst>
              <a:ext uri="{FF2B5EF4-FFF2-40B4-BE49-F238E27FC236}">
                <a16:creationId xmlns:a16="http://schemas.microsoft.com/office/drawing/2014/main" id="{1D4414ED-E3E4-4F2F-A289-425F236F5EE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2027" y="1651525"/>
            <a:ext cx="2386836" cy="3483354"/>
          </a:xfrm>
          <a:prstGeom prst="rect">
            <a:avLst/>
          </a:prstGeom>
        </p:spPr>
      </p:pic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Logo white">
            <a:extLst>
              <a:ext uri="{FF2B5EF4-FFF2-40B4-BE49-F238E27FC236}">
                <a16:creationId xmlns:a16="http://schemas.microsoft.com/office/drawing/2014/main" id="{1D4414ED-E3E4-4F2F-A289-425F236F5EE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2027" y="1651525"/>
            <a:ext cx="2386835" cy="3483354"/>
          </a:xfrm>
          <a:prstGeom prst="rect">
            <a:avLst/>
          </a:prstGeom>
        </p:spPr>
      </p:pic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0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Logo red">
            <a:extLst>
              <a:ext uri="{FF2B5EF4-FFF2-40B4-BE49-F238E27FC236}">
                <a16:creationId xmlns:a16="http://schemas.microsoft.com/office/drawing/2014/main" id="{090E50F4-CCC0-42C0-80F9-A6779F9CF36A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2000" y="252000"/>
            <a:ext cx="419350" cy="612000"/>
          </a:xfrm>
          <a:prstGeom prst="rect">
            <a:avLst/>
          </a:prstGeom>
        </p:spPr>
      </p:pic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340709" y="6583680"/>
            <a:ext cx="598341" cy="206784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700" b="1">
                <a:solidFill>
                  <a:srgbClr val="000000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Klik for at redigere i masteren</a:t>
            </a:r>
            <a:endParaRPr lang="da-DK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13676" name="text" descr="{&quot;templafy&quot;:{&quot;id&quot;:&quot;3c2dbb7d-0550-4dda-a328-73204badfe90&quot;}}" title="UserProfile.Offices.Workarea_{{DocumentLanguage}}"/>
          <p:cNvSpPr>
            <a:spLocks noChangeArrowheads="1"/>
          </p:cNvSpPr>
          <p:nvPr/>
        </p:nvSpPr>
        <p:spPr bwMode="auto">
          <a:xfrm>
            <a:off x="1301429" y="6583680"/>
            <a:ext cx="1481409" cy="2067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/>
          <a:p>
            <a:pPr algn="ctr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000000"/>
                </a:solidFill>
                <a:latin typeface="+mn-lt"/>
              </a:rPr>
              <a:t>Technical</a:t>
            </a:r>
            <a:r>
              <a:rPr lang="da-DK" sz="700" b="1" baseline="0" dirty="0">
                <a:solidFill>
                  <a:srgbClr val="000000"/>
                </a:solidFill>
                <a:latin typeface="+mn-lt"/>
              </a:rPr>
              <a:t> </a:t>
            </a:r>
            <a:r>
              <a:rPr lang="da-DK" sz="700" b="1" baseline="0" dirty="0" err="1">
                <a:solidFill>
                  <a:srgbClr val="000000"/>
                </a:solidFill>
                <a:latin typeface="+mn-lt"/>
              </a:rPr>
              <a:t>University</a:t>
            </a:r>
            <a:r>
              <a:rPr lang="da-DK" sz="700" b="1" baseline="0" dirty="0">
                <a:solidFill>
                  <a:srgbClr val="000000"/>
                </a:solidFill>
                <a:latin typeface="+mn-lt"/>
              </a:rPr>
              <a:t> of Denmark</a:t>
            </a:r>
            <a:endParaRPr lang="da-DK" sz="700" b="1" dirty="0">
              <a:solidFill>
                <a:srgbClr val="000000"/>
              </a:solidFill>
              <a:latin typeface="+mn-lt"/>
            </a:endParaRPr>
          </a:p>
        </p:txBody>
      </p:sp>
      <p:sp>
        <p:nvSpPr>
          <p:cNvPr id="5" name="date" descr="{&quot;templafy&quot;:{&quot;id&quot;:&quot;3e4c97ea-8c3a-455c-bf2c-55cfc73ba74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/>
        </p:nvSpPr>
        <p:spPr bwMode="auto">
          <a:xfrm>
            <a:off x="251363" y="6583680"/>
            <a:ext cx="875291" cy="206784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14th</a:t>
            </a: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of April</a:t>
            </a:r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20</a:t>
            </a: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24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2cc2fad4-ff00-494a-a8d7-7ad791edbc76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/>
        </p:nvSpPr>
        <p:spPr>
          <a:xfrm>
            <a:off x="2868340" y="6583680"/>
            <a:ext cx="8218760" cy="20678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7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2" r:id="rId4"/>
    <p:sldLayoutId id="2147483673" r:id="rId5"/>
    <p:sldLayoutId id="2147483666" r:id="rId6"/>
    <p:sldLayoutId id="2147483667" r:id="rId7"/>
    <p:sldLayoutId id="2147483668" r:id="rId8"/>
    <p:sldLayoutId id="2147483669" r:id="rId9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8CAD5694-0147-4AED-9509-A831E1E151A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970135" y="1441618"/>
            <a:ext cx="10250141" cy="1771358"/>
          </a:xfrm>
        </p:spPr>
        <p:txBody>
          <a:bodyPr/>
          <a:lstStyle/>
          <a:p>
            <a:pPr algn="ctr"/>
            <a:r>
              <a:rPr lang="da-DK" sz="7200" dirty="0"/>
              <a:t>Solar Energy</a:t>
            </a:r>
            <a:br>
              <a:rPr lang="da-DK" dirty="0"/>
            </a:br>
            <a:r>
              <a:rPr lang="da-DK" sz="4000" dirty="0"/>
              <a:t>in Denmark</a:t>
            </a:r>
            <a:r>
              <a:rPr lang="da-DK" sz="2000" dirty="0"/>
              <a:t> </a:t>
            </a:r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1EDCFA3D-BD9A-4141-AE9F-1E4E7C910B4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831510" y="5530201"/>
            <a:ext cx="2779881" cy="945501"/>
          </a:xfrm>
        </p:spPr>
        <p:txBody>
          <a:bodyPr/>
          <a:lstStyle/>
          <a:p>
            <a:r>
              <a:rPr lang="da-DK" sz="2000" dirty="0"/>
              <a:t>Shakir Maytham Shaker </a:t>
            </a:r>
          </a:p>
          <a:p>
            <a:r>
              <a:rPr lang="da-DK" sz="2000" dirty="0"/>
              <a:t>Magnus Mac </a:t>
            </a:r>
            <a:r>
              <a:rPr lang="da-DK" sz="2000" dirty="0" err="1"/>
              <a:t>Doberenz</a:t>
            </a:r>
            <a:r>
              <a:rPr lang="da-DK" sz="2000" dirty="0"/>
              <a:t> </a:t>
            </a:r>
          </a:p>
          <a:p>
            <a:r>
              <a:rPr lang="da-DK" sz="2000" dirty="0" err="1"/>
              <a:t>Yili</a:t>
            </a:r>
            <a:r>
              <a:rPr lang="da-DK" sz="2000" dirty="0"/>
              <a:t> G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ECA7C0B-97D4-42B6-BA44-35BDB04B62C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7773FAF-49E4-1DCD-9C81-89FFDBA5B73C}"/>
              </a:ext>
            </a:extLst>
          </p:cNvPr>
          <p:cNvSpPr txBox="1"/>
          <p:nvPr/>
        </p:nvSpPr>
        <p:spPr>
          <a:xfrm>
            <a:off x="8831510" y="4985495"/>
            <a:ext cx="2802049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800" b="1" dirty="0" err="1"/>
              <a:t>FinalProject</a:t>
            </a:r>
            <a:r>
              <a:rPr lang="da-DK" sz="2800" b="1" dirty="0"/>
              <a:t> 8</a:t>
            </a:r>
            <a:endParaRPr lang="en-US" sz="2800" b="1" dirty="0" err="1">
              <a:latin typeface="+mn-lt"/>
            </a:endParaRP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Central Idea</a:t>
            </a:r>
            <a:br>
              <a:rPr lang="da-DK" sz="3200" dirty="0"/>
            </a:br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dias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7" name="Pladsholder til indhold 6"/>
          <p:cNvSpPr>
            <a:spLocks noGrp="1"/>
          </p:cNvSpPr>
          <p:nvPr>
            <p:ph idx="1"/>
          </p:nvPr>
        </p:nvSpPr>
        <p:spPr>
          <a:xfrm>
            <a:off x="1702718" y="1556792"/>
            <a:ext cx="7422182" cy="662005"/>
          </a:xfrm>
        </p:spPr>
        <p:txBody>
          <a:bodyPr/>
          <a:lstStyle/>
          <a:p>
            <a:r>
              <a:rPr lang="en-US" sz="2400" b="1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Energy</a:t>
            </a:r>
            <a:r>
              <a:rPr lang="en-US" sz="2400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 </a:t>
            </a:r>
            <a:r>
              <a:rPr lang="en-US" sz="2400" b="1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consumption</a:t>
            </a:r>
            <a:r>
              <a:rPr lang="en-US" sz="2400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 &amp; </a:t>
            </a:r>
            <a:r>
              <a:rPr lang="en-US" sz="2400" b="1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production</a:t>
            </a:r>
            <a:r>
              <a:rPr lang="en-US" sz="2400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 at a household level</a:t>
            </a:r>
          </a:p>
          <a:p>
            <a:pPr lvl="1"/>
            <a:r>
              <a:rPr lang="en-US" sz="2400" b="1" i="0" u="none" strike="noStrike" dirty="0">
                <a:solidFill>
                  <a:srgbClr val="0D0D0D"/>
                </a:solidFill>
                <a:effectLst/>
                <a:latin typeface="Söhne"/>
              </a:rPr>
              <a:t>Sustainability Impact</a:t>
            </a:r>
          </a:p>
          <a:p>
            <a:pPr lvl="1"/>
            <a:r>
              <a:rPr lang="en-US" sz="2400" b="1" i="0" u="none" strike="noStrike" dirty="0">
                <a:solidFill>
                  <a:srgbClr val="0D0D0D"/>
                </a:solidFill>
                <a:effectLst/>
                <a:latin typeface="Söhne"/>
              </a:rPr>
              <a:t>Economic Analysis</a:t>
            </a:r>
            <a:endParaRPr lang="da-DK" sz="2400" b="0" i="0" u="none" strike="noStrike" dirty="0">
              <a:solidFill>
                <a:srgbClr val="0D0D0D"/>
              </a:solidFill>
              <a:effectLst/>
              <a:highlight>
                <a:srgbClr val="FFFFFF"/>
              </a:highlight>
              <a:latin typeface="Söhne"/>
            </a:endParaRPr>
          </a:p>
          <a:p>
            <a:pPr>
              <a:lnSpc>
                <a:spcPct val="150000"/>
              </a:lnSpc>
            </a:pPr>
            <a:endParaRPr lang="en-US" sz="2400" b="0" i="0" u="none" strike="noStrike" dirty="0">
              <a:solidFill>
                <a:srgbClr val="0D0D0D"/>
              </a:solidFill>
              <a:effectLst/>
              <a:highlight>
                <a:srgbClr val="FFFFFF"/>
              </a:highlight>
              <a:latin typeface="Söhne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15EE962B-3490-73CE-DA26-E36E605403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4606" y="3140359"/>
            <a:ext cx="5038262" cy="29976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Find Det Perfekte Solcelleanlæg | Easygreen">
            <a:extLst>
              <a:ext uri="{FF2B5EF4-FFF2-40B4-BE49-F238E27FC236}">
                <a16:creationId xmlns:a16="http://schemas.microsoft.com/office/drawing/2014/main" id="{B0FED3D5-5EB1-93F2-C62E-F9DEB06B117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01617" y="3135357"/>
            <a:ext cx="5038262" cy="30026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25245431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Dataset</a:t>
            </a:r>
            <a:br>
              <a:rPr lang="da-DK" sz="3200" dirty="0"/>
            </a:br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dias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7" name="Pladsholder til indhold 6"/>
          <p:cNvSpPr>
            <a:spLocks noGrp="1"/>
          </p:cNvSpPr>
          <p:nvPr>
            <p:ph idx="1"/>
          </p:nvPr>
        </p:nvSpPr>
        <p:spPr>
          <a:xfrm>
            <a:off x="1702718" y="1556793"/>
            <a:ext cx="7422182" cy="432048"/>
          </a:xfrm>
        </p:spPr>
        <p:txBody>
          <a:bodyPr/>
          <a:lstStyle/>
          <a:p>
            <a:r>
              <a:rPr lang="en-US" sz="2400" b="1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Source: </a:t>
            </a:r>
            <a:r>
              <a:rPr lang="en-US" sz="2400" i="0" u="none" strike="noStrike" dirty="0" err="1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EasyGreen.dk</a:t>
            </a:r>
            <a:endParaRPr lang="en-US" sz="2400" i="0" u="none" strike="noStrike" dirty="0">
              <a:solidFill>
                <a:srgbClr val="0D0D0D"/>
              </a:solidFill>
              <a:effectLst/>
              <a:highlight>
                <a:srgbClr val="FFFFFF"/>
              </a:highlight>
              <a:latin typeface="Söhne"/>
            </a:endParaRP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0B61DE1B-5DC0-53B5-72F3-C70680AFDC4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20584210"/>
              </p:ext>
            </p:extLst>
          </p:nvPr>
        </p:nvGraphicFramePr>
        <p:xfrm>
          <a:off x="2777852" y="2764235"/>
          <a:ext cx="4896544" cy="1483360"/>
        </p:xfrm>
        <a:graphic>
          <a:graphicData uri="http://schemas.openxmlformats.org/drawingml/2006/table">
            <a:tbl>
              <a:tblPr bandRow="1">
                <a:tableStyleId>{93296810-A885-4BE3-A3E7-6D5BEEA58F35}</a:tableStyleId>
              </a:tblPr>
              <a:tblGrid>
                <a:gridCol w="1728192">
                  <a:extLst>
                    <a:ext uri="{9D8B030D-6E8A-4147-A177-3AD203B41FA5}">
                      <a16:colId xmlns:a16="http://schemas.microsoft.com/office/drawing/2014/main" val="1056927227"/>
                    </a:ext>
                  </a:extLst>
                </a:gridCol>
                <a:gridCol w="3168352">
                  <a:extLst>
                    <a:ext uri="{9D8B030D-6E8A-4147-A177-3AD203B41FA5}">
                      <a16:colId xmlns:a16="http://schemas.microsoft.com/office/drawing/2014/main" val="153462488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b="1" dirty="0"/>
                        <a:t>Siz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4 MB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171074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b="1" dirty="0"/>
                        <a:t>Row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39</a:t>
                      </a:r>
                      <a:r>
                        <a:rPr lang="en-US" altLang="zh-CN" dirty="0"/>
                        <a:t>6</a:t>
                      </a:r>
                      <a:r>
                        <a:rPr lang="en-US" dirty="0"/>
                        <a:t> k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454708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1800" b="1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Variables</a:t>
                      </a:r>
                      <a:endParaRPr lang="en-US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altLang="zh-CN" dirty="0"/>
                        <a:t>15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7530185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b="1" dirty="0"/>
                        <a:t>Date Rang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022/11 ~  2024/03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35806717"/>
                  </a:ext>
                </a:extLst>
              </a:tr>
            </a:tbl>
          </a:graphicData>
        </a:graphic>
      </p:graphicFrame>
      <p:sp>
        <p:nvSpPr>
          <p:cNvPr id="6" name="Pladsholder til indhold 6">
            <a:extLst>
              <a:ext uri="{FF2B5EF4-FFF2-40B4-BE49-F238E27FC236}">
                <a16:creationId xmlns:a16="http://schemas.microsoft.com/office/drawing/2014/main" id="{3DE1558D-5AD4-71B1-B078-085ED15EAF04}"/>
              </a:ext>
            </a:extLst>
          </p:cNvPr>
          <p:cNvSpPr txBox="1">
            <a:spLocks/>
          </p:cNvSpPr>
          <p:nvPr/>
        </p:nvSpPr>
        <p:spPr bwMode="auto">
          <a:xfrm>
            <a:off x="1697732" y="2168367"/>
            <a:ext cx="7422182" cy="43204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sz="2400" b="1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Table:</a:t>
            </a:r>
          </a:p>
          <a:p>
            <a:pPr marL="0" indent="0">
              <a:buFontTx/>
              <a:buNone/>
            </a:pPr>
            <a:endParaRPr lang="da-DK" sz="2400" kern="0" dirty="0">
              <a:solidFill>
                <a:srgbClr val="0D0D0D"/>
              </a:solidFill>
              <a:highlight>
                <a:srgbClr val="FFFFFF"/>
              </a:highlight>
              <a:latin typeface="Söhne"/>
            </a:endParaRPr>
          </a:p>
        </p:txBody>
      </p:sp>
      <p:sp>
        <p:nvSpPr>
          <p:cNvPr id="9" name="Pladsholder til indhold 6">
            <a:extLst>
              <a:ext uri="{FF2B5EF4-FFF2-40B4-BE49-F238E27FC236}">
                <a16:creationId xmlns:a16="http://schemas.microsoft.com/office/drawing/2014/main" id="{F3B36529-D548-B2FA-E2B9-7416DB927688}"/>
              </a:ext>
            </a:extLst>
          </p:cNvPr>
          <p:cNvSpPr txBox="1">
            <a:spLocks/>
          </p:cNvSpPr>
          <p:nvPr/>
        </p:nvSpPr>
        <p:spPr bwMode="auto">
          <a:xfrm>
            <a:off x="1697732" y="4581128"/>
            <a:ext cx="9312374" cy="17052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sz="2400" b="1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Description:</a:t>
            </a:r>
          </a:p>
          <a:p>
            <a:pPr lvl="1"/>
            <a:r>
              <a:rPr lang="en-US" sz="2400" b="1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Core features: </a:t>
            </a:r>
            <a:r>
              <a:rPr lang="en-US" sz="2400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UsePower, ProductPower, SelfUsePower, BuyPower </a:t>
            </a:r>
          </a:p>
          <a:p>
            <a:pPr lvl="1"/>
            <a:r>
              <a:rPr lang="en-US" sz="2400" b="1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Genre: </a:t>
            </a:r>
            <a:r>
              <a:rPr lang="en-US" sz="2400" i="0" u="none" strike="noStrike" dirty="0">
                <a:solidFill>
                  <a:srgbClr val="0D0D0D"/>
                </a:solidFill>
                <a:effectLst/>
                <a:latin typeface="Söhne"/>
              </a:rPr>
              <a:t>Annotated Chart</a:t>
            </a:r>
            <a:r>
              <a:rPr lang="zh-CN" altLang="en-US" sz="2400" i="0" u="none" strike="noStrike" dirty="0">
                <a:solidFill>
                  <a:srgbClr val="0D0D0D"/>
                </a:solidFill>
                <a:effectLst/>
                <a:latin typeface="Söhne"/>
              </a:rPr>
              <a:t> </a:t>
            </a:r>
            <a:r>
              <a:rPr lang="en-US" altLang="zh-CN" sz="2400" i="0" u="none" strike="noStrike" dirty="0">
                <a:solidFill>
                  <a:srgbClr val="0D0D0D"/>
                </a:solidFill>
                <a:effectLst/>
                <a:latin typeface="Söhne"/>
              </a:rPr>
              <a:t>&amp;</a:t>
            </a:r>
            <a:r>
              <a:rPr lang="zh-CN" altLang="en-US" sz="2400" dirty="0">
                <a:solidFill>
                  <a:srgbClr val="0D0D0D"/>
                </a:solidFill>
                <a:latin typeface="Söhne"/>
              </a:rPr>
              <a:t> </a:t>
            </a:r>
            <a:r>
              <a:rPr lang="en-US" sz="2400" i="0" u="none" strike="noStrike" dirty="0">
                <a:solidFill>
                  <a:srgbClr val="0D0D0D"/>
                </a:solidFill>
                <a:effectLst/>
                <a:latin typeface="Söhne"/>
              </a:rPr>
              <a:t>Partitioned Poster</a:t>
            </a:r>
            <a:endParaRPr lang="en-US" sz="2400" kern="0" dirty="0">
              <a:solidFill>
                <a:srgbClr val="0D0D0D"/>
              </a:solidFill>
              <a:highlight>
                <a:srgbClr val="FFFFFF"/>
              </a:highlight>
              <a:latin typeface="Söhne"/>
            </a:endParaRPr>
          </a:p>
          <a:p>
            <a:pPr marL="0" indent="0">
              <a:buFontTx/>
              <a:buNone/>
            </a:pPr>
            <a:endParaRPr lang="da-DK" sz="2400" kern="0" dirty="0">
              <a:solidFill>
                <a:srgbClr val="0D0D0D"/>
              </a:solidFill>
              <a:highlight>
                <a:srgbClr val="FFFFFF"/>
              </a:highlight>
              <a:latin typeface="Söhne"/>
            </a:endParaRPr>
          </a:p>
        </p:txBody>
      </p:sp>
    </p:spTree>
    <p:extLst>
      <p:ext uri="{BB962C8B-B14F-4D97-AF65-F5344CB8AC3E}">
        <p14:creationId xmlns:p14="http://schemas.microsoft.com/office/powerpoint/2010/main" val="168026352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Mockup</a:t>
            </a:r>
            <a:br>
              <a:rPr lang="da-DK" sz="3200" dirty="0"/>
            </a:br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dias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F99FE340-DE76-696F-B489-E6DF4BB775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59830" y="2348880"/>
            <a:ext cx="3977882" cy="303604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CA23380C-CA19-22F6-7C59-8D8DA44ED338}"/>
              </a:ext>
            </a:extLst>
          </p:cNvPr>
          <p:cNvSpPr txBox="1"/>
          <p:nvPr/>
        </p:nvSpPr>
        <p:spPr>
          <a:xfrm>
            <a:off x="861740" y="1916832"/>
            <a:ext cx="4247958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latin typeface="+mn-lt"/>
              </a:rPr>
              <a:t>Distribution of solar panel installation 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2B8C4732-5A9C-7F0E-58BE-E9ED79DA1DC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62671" y="2348880"/>
            <a:ext cx="6076379" cy="2851224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A259F0A9-85B4-2FDF-62F3-FE8A39410D89}"/>
              </a:ext>
            </a:extLst>
          </p:cNvPr>
          <p:cNvSpPr txBox="1"/>
          <p:nvPr/>
        </p:nvSpPr>
        <p:spPr>
          <a:xfrm>
            <a:off x="6599262" y="1957041"/>
            <a:ext cx="297666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latin typeface="+mn-lt"/>
              </a:rPr>
              <a:t>Number of Users per Day</a:t>
            </a:r>
          </a:p>
        </p:txBody>
      </p:sp>
    </p:spTree>
    <p:extLst>
      <p:ext uri="{BB962C8B-B14F-4D97-AF65-F5344CB8AC3E}">
        <p14:creationId xmlns:p14="http://schemas.microsoft.com/office/powerpoint/2010/main" val="27440365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heme/theme1.xml><?xml version="1.0" encoding="utf-8"?>
<a:theme xmlns:a="http://schemas.openxmlformats.org/drawingml/2006/main" name="PPT_Presentation_Templat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 xmlns="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 xmlns="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æsentation2" id="{C304F373-448C-4B02-A57C-28D6CB0C6EC3}" vid="{1AEE8D51-32DE-4F23-B1BF-1EF646E6EC8B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84886406585297","version":"1.2"}]]></TemplafySlide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x+CS02HJA5/JaZAewz/4/w=="}]}]]></TemplafyFormConfiguration>
</file>

<file path=customXml/item5.xml><?xml version="1.0" encoding="utf-8"?>
<TemplafyTemplateConfiguration><![CDATA[{"elementsMetadata":[{"type":"shape","id":"3c2dbb7d-0550-4dda-a328-73204badfe90","elementConfiguration":{"binding":"UserProfile.Offices.Workarea_{{DocumentLanguage}}","disableUpdates":false,"type":"text"}},{"type":"shape","id":"3e4c97ea-8c3a-455c-bf2c-55cfc73ba74e","elementConfiguration":{"binding":"Form.Date","format":"{{DateFormats.GeneralDate}}","disableUpdates":false,"type":"date"}},{"type":"shape","id":"2cc2fad4-ff00-494a-a8d7-7ad791edbc76","elementConfiguration":{"binding":"Form.PresentationTitle","disableUpdates":false,"type":"text"}},{"type":"shape","id":"ae03c704-0dfb-4337-acd5-89bc1647c275","elementConfiguration":{"binding":"UserProfile.Offices.Workarea_{{DocumentLanguage}}","disableUpdates":false,"type":"text"}},{"type":"shape","id":"8e7052f0-8d4c-4e67-8d96-c8758c4c90bc","elementConfiguration":{"binding":"Form.Date","format":"{{DateFormats.GeneralDate}}","disableUpdates":false,"type":"date"}},{"type":"shape","id":"5137683a-a17a-4298-8845-1d9cc75aa2ef","elementConfiguration":{"binding":"Form.PresentationTitle","disableUpdates":false,"type":"text"}},{"type":"shape","id":"71519fd3-9ab6-44c0-96f6-0257148c0369","elementConfiguration":{"binding":"UserProfile.Offices.Workarea_{{DocumentLanguage}}","disableUpdates":false,"type":"text"}},{"type":"shape","id":"d4dc393e-cbe8-4ed7-8765-bffd698224c0","elementConfiguration":{"binding":"Form.Date","format":"{{DateFormats.GeneralDate}}","disableUpdates":false,"type":"date"}},{"type":"shape","id":"18fc4f01-f0d7-4a70-b99a-9a8a1cb47191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","templateDescription":"","version":"1.2"}]]></Templafy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84886402178223","version":"1.2"}]]></TemplafySlideTemplateConfiguration>
</file>

<file path=customXml/itemProps1.xml><?xml version="1.0" encoding="utf-8"?>
<ds:datastoreItem xmlns:ds="http://schemas.openxmlformats.org/officeDocument/2006/customXml" ds:itemID="{EB7B066E-093F-46E7-B8D3-089E2B83AB67}">
  <ds:schemaRefs/>
</ds:datastoreItem>
</file>

<file path=customXml/itemProps2.xml><?xml version="1.0" encoding="utf-8"?>
<ds:datastoreItem xmlns:ds="http://schemas.openxmlformats.org/officeDocument/2006/customXml" ds:itemID="{25E262C5-C7F4-4DBE-9880-C566F9FF257E}">
  <ds:schemaRefs/>
</ds:datastoreItem>
</file>

<file path=customXml/itemProps3.xml><?xml version="1.0" encoding="utf-8"?>
<ds:datastoreItem xmlns:ds="http://schemas.openxmlformats.org/officeDocument/2006/customXml" ds:itemID="{0D8C4074-265F-41DD-A391-322777D38413}">
  <ds:schemaRefs/>
</ds:datastoreItem>
</file>

<file path=customXml/itemProps4.xml><?xml version="1.0" encoding="utf-8"?>
<ds:datastoreItem xmlns:ds="http://schemas.openxmlformats.org/officeDocument/2006/customXml" ds:itemID="{4E5CAA1D-23AB-42AC-B032-DC96C3443F43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DBE66EBC-1883-4DF3-AF1E-BF8E1C2958E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PT_Presentation_Template.potx</Template>
  <TotalTime>5570</TotalTime>
  <Words>233</Words>
  <Application>Microsoft Macintosh PowerPoint</Application>
  <PresentationFormat>Custom</PresentationFormat>
  <Paragraphs>45</Paragraphs>
  <Slides>4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9" baseType="lpstr">
      <vt:lpstr>-apple-system</vt:lpstr>
      <vt:lpstr>Söhne</vt:lpstr>
      <vt:lpstr>Arial</vt:lpstr>
      <vt:lpstr>Verdana</vt:lpstr>
      <vt:lpstr>PPT_Presentation_Template</vt:lpstr>
      <vt:lpstr>Solar Energy in Denmark </vt:lpstr>
      <vt:lpstr>Central Idea </vt:lpstr>
      <vt:lpstr>Dataset </vt:lpstr>
      <vt:lpstr>Mockup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Tanja Weikop</dc:creator>
  <cp:lastModifiedBy>溢力 葛</cp:lastModifiedBy>
  <cp:revision>84</cp:revision>
  <dcterms:created xsi:type="dcterms:W3CDTF">2017-07-31T08:31:56Z</dcterms:created>
  <dcterms:modified xsi:type="dcterms:W3CDTF">2024-04-14T23:05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458113774710130</vt:lpwstr>
  </property>
  <property fmtid="{D5CDD505-2E9C-101B-9397-08002B2CF9AE}" pid="6" name="TemplafyLanguageCode">
    <vt:lpwstr>da-DK</vt:lpwstr>
  </property>
</Properties>
</file>